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i23086\Desktop\"/>
    </mc:Choice>
  </mc:AlternateContent>
  <bookViews>
    <workbookView xWindow="120" yWindow="45" windowWidth="14970" windowHeight="9000" tabRatio="918"/>
  </bookViews>
  <sheets>
    <sheet name="３所要額" sheetId="22" r:id="rId1"/>
    <sheet name="３別紙" sheetId="17" r:id="rId2"/>
  </sheets>
  <definedNames>
    <definedName name="_Key1" hidden="1">#REF!</definedName>
    <definedName name="_Key2" hidden="1">#REF!</definedName>
    <definedName name="_Order1" hidden="1">255</definedName>
    <definedName name="_Order2" hidden="1">255</definedName>
    <definedName name="_Sort" hidden="1">#REF!</definedName>
  </definedNames>
  <calcPr calcId="145621"/>
</workbook>
</file>

<file path=xl/comments1.xml><?xml version="1.0" encoding="utf-8"?>
<comments xmlns="http://schemas.openxmlformats.org/spreadsheetml/2006/main">
  <authors>
    <author>oitapref</author>
  </authors>
  <commentList>
    <comment ref="S7" authorId="0" shapeId="0">
      <text>
        <r>
          <rPr>
            <sz val="9"/>
            <color indexed="81"/>
            <rFont val="ＭＳ Ｐゴシック"/>
            <family val="3"/>
            <charset val="128"/>
          </rPr>
          <t>交付要綱に基づく調整率を記入してください</t>
        </r>
      </text>
    </comment>
    <comment ref="T7" authorId="0" shapeId="0">
      <text>
        <r>
          <rPr>
            <sz val="9"/>
            <color indexed="81"/>
            <rFont val="ＭＳ Ｐゴシック"/>
            <family val="3"/>
            <charset val="128"/>
          </rPr>
          <t>小計に調整率を乗じた数値を記入してください</t>
        </r>
      </text>
    </comment>
  </commentList>
</comments>
</file>

<file path=xl/sharedStrings.xml><?xml version="1.0" encoding="utf-8"?>
<sst xmlns="http://schemas.openxmlformats.org/spreadsheetml/2006/main" count="203" uniqueCount="149">
  <si>
    <t>人員</t>
    <rPh sb="0" eb="2">
      <t>ジンイン</t>
    </rPh>
    <phoneticPr fontId="2"/>
  </si>
  <si>
    <t>計</t>
    <rPh sb="0" eb="1">
      <t>ケイ</t>
    </rPh>
    <phoneticPr fontId="2"/>
  </si>
  <si>
    <t>（注）</t>
    <rPh sb="1" eb="2">
      <t>チュウ</t>
    </rPh>
    <phoneticPr fontId="2"/>
  </si>
  <si>
    <t>（　　　　　　　　　）</t>
    <phoneticPr fontId="2"/>
  </si>
  <si>
    <t>人</t>
    <rPh sb="0" eb="1">
      <t>ニン</t>
    </rPh>
    <phoneticPr fontId="2"/>
  </si>
  <si>
    <t>養成所名</t>
    <rPh sb="0" eb="3">
      <t>ヨウセイショ</t>
    </rPh>
    <rPh sb="3" eb="4">
      <t>メイ</t>
    </rPh>
    <phoneticPr fontId="2"/>
  </si>
  <si>
    <t>区　　分</t>
    <rPh sb="0" eb="4">
      <t>クブン</t>
    </rPh>
    <phoneticPr fontId="2"/>
  </si>
  <si>
    <t>設置主体</t>
    <rPh sb="0" eb="2">
      <t>セッチ</t>
    </rPh>
    <rPh sb="2" eb="4">
      <t>シュタイ</t>
    </rPh>
    <phoneticPr fontId="2"/>
  </si>
  <si>
    <t>総事業費</t>
    <rPh sb="0" eb="3">
      <t>ソウジギョウ</t>
    </rPh>
    <rPh sb="3" eb="4">
      <t>ヒ</t>
    </rPh>
    <phoneticPr fontId="2"/>
  </si>
  <si>
    <t>寄付金その他の収入額</t>
    <rPh sb="0" eb="3">
      <t>キフキン</t>
    </rPh>
    <rPh sb="3" eb="6">
      <t>ソノタ</t>
    </rPh>
    <rPh sb="7" eb="10">
      <t>シュウニュウガク</t>
    </rPh>
    <phoneticPr fontId="2"/>
  </si>
  <si>
    <t>差引額(A-B)</t>
    <rPh sb="0" eb="3">
      <t>サシヒキガク</t>
    </rPh>
    <phoneticPr fontId="2"/>
  </si>
  <si>
    <t>備考</t>
    <rPh sb="0" eb="2">
      <t>ビコウ</t>
    </rPh>
    <phoneticPr fontId="2"/>
  </si>
  <si>
    <t>生徒にかかる分</t>
    <rPh sb="0" eb="2">
      <t>セイト</t>
    </rPh>
    <rPh sb="6" eb="7">
      <t>ブン</t>
    </rPh>
    <phoneticPr fontId="2"/>
  </si>
  <si>
    <t>その他</t>
    <rPh sb="0" eb="3">
      <t>ソノタ</t>
    </rPh>
    <phoneticPr fontId="2"/>
  </si>
  <si>
    <t>単価</t>
    <rPh sb="0" eb="2">
      <t>タンカ</t>
    </rPh>
    <phoneticPr fontId="2"/>
  </si>
  <si>
    <t>金額</t>
    <rPh sb="0" eb="2">
      <t>キンガク</t>
    </rPh>
    <phoneticPr fontId="2"/>
  </si>
  <si>
    <t>養成所１か所当たり</t>
    <rPh sb="0" eb="3">
      <t>ヨウセイショ</t>
    </rPh>
    <rPh sb="5" eb="6">
      <t>ショ</t>
    </rPh>
    <rPh sb="6" eb="7">
      <t>ア</t>
    </rPh>
    <phoneticPr fontId="2"/>
  </si>
  <si>
    <t>統合カリキュラム実施施設</t>
    <rPh sb="0" eb="2">
      <t>トウゴウ</t>
    </rPh>
    <rPh sb="8" eb="10">
      <t>ジッシ</t>
    </rPh>
    <rPh sb="10" eb="12">
      <t>シセツ</t>
    </rPh>
    <phoneticPr fontId="2"/>
  </si>
  <si>
    <t>専任教員増員の分</t>
    <rPh sb="0" eb="2">
      <t>センニン</t>
    </rPh>
    <rPh sb="2" eb="4">
      <t>キョウイン</t>
    </rPh>
    <rPh sb="4" eb="6">
      <t>ゾウイン</t>
    </rPh>
    <rPh sb="7" eb="8">
      <t>ブン</t>
    </rPh>
    <phoneticPr fontId="2"/>
  </si>
  <si>
    <t>事務職員の分</t>
    <rPh sb="0" eb="2">
      <t>ジム</t>
    </rPh>
    <rPh sb="2" eb="4">
      <t>ショクイン</t>
    </rPh>
    <rPh sb="5" eb="6">
      <t>ブン</t>
    </rPh>
    <phoneticPr fontId="2"/>
  </si>
  <si>
    <t>へき地等地域の分</t>
    <rPh sb="2" eb="3">
      <t>チ</t>
    </rPh>
    <rPh sb="3" eb="4">
      <t>トウ</t>
    </rPh>
    <rPh sb="4" eb="6">
      <t>チイキ</t>
    </rPh>
    <rPh sb="7" eb="8">
      <t>ブン</t>
    </rPh>
    <phoneticPr fontId="2"/>
  </si>
  <si>
    <t>保　健　師</t>
    <rPh sb="0" eb="3">
      <t>ホケンフ</t>
    </rPh>
    <rPh sb="4" eb="5">
      <t>シ</t>
    </rPh>
    <phoneticPr fontId="2"/>
  </si>
  <si>
    <t>円</t>
    <rPh sb="0" eb="1">
      <t>エン</t>
    </rPh>
    <phoneticPr fontId="2"/>
  </si>
  <si>
    <t>助　産　師</t>
    <rPh sb="0" eb="3">
      <t>ジョサンプ</t>
    </rPh>
    <rPh sb="4" eb="5">
      <t>シ</t>
    </rPh>
    <phoneticPr fontId="2"/>
  </si>
  <si>
    <t>全日制</t>
    <rPh sb="0" eb="3">
      <t>ゼンニチセイ</t>
    </rPh>
    <phoneticPr fontId="2"/>
  </si>
  <si>
    <t>統合ｶﾘｷｭﾗﾑ</t>
    <rPh sb="0" eb="2">
      <t>トウゴウ</t>
    </rPh>
    <phoneticPr fontId="2"/>
  </si>
  <si>
    <t>定時制</t>
    <rPh sb="0" eb="3">
      <t>テイジセイ</t>
    </rPh>
    <phoneticPr fontId="2"/>
  </si>
  <si>
    <t>通信制</t>
    <rPh sb="0" eb="3">
      <t>ツウシンセイ</t>
    </rPh>
    <phoneticPr fontId="2"/>
  </si>
  <si>
    <t>准看護師</t>
    <rPh sb="0" eb="3">
      <t>ジュンカンゴフ</t>
    </rPh>
    <rPh sb="3" eb="4">
      <t>シ</t>
    </rPh>
    <phoneticPr fontId="2"/>
  </si>
  <si>
    <t>合　　　計</t>
    <rPh sb="0" eb="5">
      <t>ゴウケイ</t>
    </rPh>
    <phoneticPr fontId="2"/>
  </si>
  <si>
    <t>（注）</t>
    <rPh sb="1" eb="2">
      <t>チュウ</t>
    </rPh>
    <phoneticPr fontId="2"/>
  </si>
  <si>
    <t>１　Ａ欄及びＢ欄については、看護課長通知「平成11年６月16日付看第26号」により算出することとし、上段（　）には歳入歳出予算書の総支出額及び総収入額を記載すること。</t>
    <rPh sb="3" eb="4">
      <t>ラン</t>
    </rPh>
    <rPh sb="4" eb="5">
      <t>オヨ</t>
    </rPh>
    <rPh sb="7" eb="8">
      <t>ラン</t>
    </rPh>
    <rPh sb="14" eb="16">
      <t>カンゴ</t>
    </rPh>
    <rPh sb="16" eb="18">
      <t>カチョウ</t>
    </rPh>
    <rPh sb="18" eb="20">
      <t>ツウチ</t>
    </rPh>
    <rPh sb="21" eb="23">
      <t>ヘイセイ</t>
    </rPh>
    <rPh sb="25" eb="26">
      <t>ネン</t>
    </rPh>
    <rPh sb="27" eb="28">
      <t>ツキ</t>
    </rPh>
    <rPh sb="30" eb="31">
      <t>ヒ</t>
    </rPh>
    <rPh sb="31" eb="32">
      <t>ツ</t>
    </rPh>
    <rPh sb="32" eb="33">
      <t>カン</t>
    </rPh>
    <rPh sb="33" eb="34">
      <t>ダイ</t>
    </rPh>
    <rPh sb="36" eb="37">
      <t>ゴウ</t>
    </rPh>
    <rPh sb="41" eb="43">
      <t>サンシュツ</t>
    </rPh>
    <rPh sb="50" eb="52">
      <t>ジョウダン</t>
    </rPh>
    <rPh sb="57" eb="59">
      <t>サイニュウ</t>
    </rPh>
    <rPh sb="59" eb="61">
      <t>サイシュツ</t>
    </rPh>
    <rPh sb="61" eb="64">
      <t>ヨサンショ</t>
    </rPh>
    <rPh sb="65" eb="66">
      <t>ソウ</t>
    </rPh>
    <rPh sb="66" eb="68">
      <t>シシュツ</t>
    </rPh>
    <rPh sb="68" eb="69">
      <t>ガク</t>
    </rPh>
    <rPh sb="69" eb="70">
      <t>オヨ</t>
    </rPh>
    <rPh sb="71" eb="72">
      <t>ソウ</t>
    </rPh>
    <rPh sb="72" eb="75">
      <t>シュウニュウガク</t>
    </rPh>
    <rPh sb="76" eb="78">
      <t>キサイ</t>
    </rPh>
    <phoneticPr fontId="2"/>
  </si>
  <si>
    <t>４　統合ｶﾘｷｭﾗﾑ実施施設については、備考欄に保健師、助産師の別を記入すること。</t>
    <rPh sb="2" eb="4">
      <t>トウゴウ</t>
    </rPh>
    <rPh sb="10" eb="12">
      <t>ジッシ</t>
    </rPh>
    <rPh sb="12" eb="14">
      <t>シセツ</t>
    </rPh>
    <rPh sb="20" eb="23">
      <t>ビコウラン</t>
    </rPh>
    <rPh sb="24" eb="26">
      <t>ホケンフ</t>
    </rPh>
    <rPh sb="26" eb="27">
      <t>シ</t>
    </rPh>
    <rPh sb="28" eb="30">
      <t>ジョサンプ</t>
    </rPh>
    <rPh sb="30" eb="31">
      <t>シ</t>
    </rPh>
    <rPh sb="32" eb="33">
      <t>ベツ</t>
    </rPh>
    <rPh sb="34" eb="36">
      <t>キニュウ</t>
    </rPh>
    <phoneticPr fontId="2"/>
  </si>
  <si>
    <t>総事業費等収入支出予定額</t>
    <rPh sb="0" eb="3">
      <t>ソウジギョウ</t>
    </rPh>
    <rPh sb="3" eb="4">
      <t>ヒ</t>
    </rPh>
    <rPh sb="4" eb="5">
      <t>トウ</t>
    </rPh>
    <rPh sb="5" eb="7">
      <t>シュウニュウ</t>
    </rPh>
    <rPh sb="7" eb="9">
      <t>シシュツ</t>
    </rPh>
    <rPh sb="9" eb="11">
      <t>ヨテイ</t>
    </rPh>
    <rPh sb="11" eb="12">
      <t>ガク</t>
    </rPh>
    <phoneticPr fontId="2"/>
  </si>
  <si>
    <t>総事業費（Ａ）</t>
    <rPh sb="0" eb="3">
      <t>ソウジギョウ</t>
    </rPh>
    <rPh sb="3" eb="4">
      <t>ヒ</t>
    </rPh>
    <phoneticPr fontId="2"/>
  </si>
  <si>
    <r>
      <t>寄付金その他の収入額</t>
    </r>
    <r>
      <rPr>
        <sz val="11"/>
        <rFont val="ＭＳ 明朝"/>
        <family val="1"/>
        <charset val="128"/>
      </rPr>
      <t>（Ｂ）</t>
    </r>
    <rPh sb="0" eb="3">
      <t>キフキン</t>
    </rPh>
    <rPh sb="3" eb="6">
      <t>ソノタ</t>
    </rPh>
    <rPh sb="7" eb="10">
      <t>シュウニュウガク</t>
    </rPh>
    <phoneticPr fontId="2"/>
  </si>
  <si>
    <t>差引額（Ａ－Ｂ）　（Ｃ）</t>
    <rPh sb="0" eb="2">
      <t>サシヒキ</t>
    </rPh>
    <rPh sb="2" eb="3">
      <t>ガク</t>
    </rPh>
    <phoneticPr fontId="2"/>
  </si>
  <si>
    <t>対　象　経　費　の　支　出　予　定　額　算　出　内　訳</t>
    <rPh sb="0" eb="3">
      <t>タイショウ</t>
    </rPh>
    <rPh sb="4" eb="7">
      <t>ケイヒ</t>
    </rPh>
    <rPh sb="10" eb="13">
      <t>シシュツ</t>
    </rPh>
    <rPh sb="14" eb="17">
      <t>ヨテイ</t>
    </rPh>
    <rPh sb="18" eb="19">
      <t>ガク</t>
    </rPh>
    <rPh sb="20" eb="23">
      <t>サンシュツ</t>
    </rPh>
    <rPh sb="24" eb="27">
      <t>ウチワケ</t>
    </rPh>
    <phoneticPr fontId="2"/>
  </si>
  <si>
    <t>種目</t>
    <rPh sb="0" eb="2">
      <t>シュモク</t>
    </rPh>
    <phoneticPr fontId="2"/>
  </si>
  <si>
    <t>科　目</t>
    <rPh sb="0" eb="3">
      <t>カモク</t>
    </rPh>
    <phoneticPr fontId="2"/>
  </si>
  <si>
    <t>支出予定額</t>
    <rPh sb="0" eb="2">
      <t>シシュツ</t>
    </rPh>
    <rPh sb="2" eb="5">
      <t>ヨテイガク</t>
    </rPh>
    <phoneticPr fontId="2"/>
  </si>
  <si>
    <t>備　　　　考</t>
    <rPh sb="0" eb="6">
      <t>ビコウ</t>
    </rPh>
    <phoneticPr fontId="2"/>
  </si>
  <si>
    <t>２　人当庁費</t>
    <rPh sb="2" eb="3">
      <t>ニン</t>
    </rPh>
    <rPh sb="3" eb="4">
      <t>トウ</t>
    </rPh>
    <rPh sb="4" eb="5">
      <t>チョウ</t>
    </rPh>
    <rPh sb="5" eb="6">
      <t>ヒ</t>
    </rPh>
    <phoneticPr fontId="2"/>
  </si>
  <si>
    <t>　2-1　消耗品費</t>
    <rPh sb="5" eb="8">
      <t>ショウモウヒン</t>
    </rPh>
    <rPh sb="8" eb="9">
      <t>ヒ</t>
    </rPh>
    <phoneticPr fontId="2"/>
  </si>
  <si>
    <t>　2-2　印刷製本費</t>
    <rPh sb="5" eb="7">
      <t>インサツ</t>
    </rPh>
    <rPh sb="7" eb="10">
      <t>セイホンヒ</t>
    </rPh>
    <phoneticPr fontId="2"/>
  </si>
  <si>
    <t>　2-3　備品購入費</t>
    <rPh sb="5" eb="7">
      <t>ビヒン</t>
    </rPh>
    <rPh sb="7" eb="10">
      <t>コウニュウヒ</t>
    </rPh>
    <phoneticPr fontId="2"/>
  </si>
  <si>
    <t>（備品購入費内訳）</t>
    <rPh sb="1" eb="3">
      <t>ビヒン</t>
    </rPh>
    <rPh sb="3" eb="6">
      <t>コウニュウヒ</t>
    </rPh>
    <rPh sb="6" eb="8">
      <t>ウチワケ</t>
    </rPh>
    <phoneticPr fontId="2"/>
  </si>
  <si>
    <t>品　　目</t>
    <rPh sb="0" eb="4">
      <t>ヒンモク</t>
    </rPh>
    <phoneticPr fontId="2"/>
  </si>
  <si>
    <t>規　格</t>
    <rPh sb="0" eb="3">
      <t>キカク</t>
    </rPh>
    <phoneticPr fontId="2"/>
  </si>
  <si>
    <t>員　数</t>
    <rPh sb="0" eb="3">
      <t>インスウ</t>
    </rPh>
    <phoneticPr fontId="2"/>
  </si>
  <si>
    <t>単　価</t>
    <rPh sb="0" eb="3">
      <t>タンカ</t>
    </rPh>
    <phoneticPr fontId="2"/>
  </si>
  <si>
    <t>金　額</t>
    <rPh sb="0" eb="3">
      <t>キンガク</t>
    </rPh>
    <phoneticPr fontId="2"/>
  </si>
  <si>
    <t>　2-4　通信運搬費</t>
    <rPh sb="5" eb="7">
      <t>ツウシン</t>
    </rPh>
    <rPh sb="7" eb="10">
      <t>ウンパンヒ</t>
    </rPh>
    <phoneticPr fontId="2"/>
  </si>
  <si>
    <t>　2-5　福利厚生費</t>
    <rPh sb="5" eb="7">
      <t>フクリ</t>
    </rPh>
    <rPh sb="7" eb="10">
      <t>コウセイヒ</t>
    </rPh>
    <phoneticPr fontId="2"/>
  </si>
  <si>
    <t>（部外講師謝金内訳）</t>
    <rPh sb="1" eb="3">
      <t>ブガイ</t>
    </rPh>
    <rPh sb="3" eb="5">
      <t>コウシ</t>
    </rPh>
    <rPh sb="5" eb="7">
      <t>シャキン</t>
    </rPh>
    <rPh sb="7" eb="9">
      <t>ウチワケ</t>
    </rPh>
    <phoneticPr fontId="2"/>
  </si>
  <si>
    <t>講義時間数</t>
    <rPh sb="0" eb="2">
      <t>コウギ</t>
    </rPh>
    <rPh sb="2" eb="5">
      <t>ジカンスウ</t>
    </rPh>
    <phoneticPr fontId="2"/>
  </si>
  <si>
    <t>講師実人員</t>
    <rPh sb="0" eb="2">
      <t>コウシ</t>
    </rPh>
    <rPh sb="2" eb="3">
      <t>ジツ</t>
    </rPh>
    <rPh sb="3" eb="5">
      <t>ジンイン</t>
    </rPh>
    <phoneticPr fontId="2"/>
  </si>
  <si>
    <t>講師謝金</t>
    <rPh sb="0" eb="2">
      <t>コウシ</t>
    </rPh>
    <rPh sb="2" eb="4">
      <t>シャキン</t>
    </rPh>
    <phoneticPr fontId="2"/>
  </si>
  <si>
    <t>支給時間数</t>
    <rPh sb="0" eb="2">
      <t>シキュウ</t>
    </rPh>
    <rPh sb="2" eb="5">
      <t>ジカンスウ</t>
    </rPh>
    <phoneticPr fontId="2"/>
  </si>
  <si>
    <t>金　　額</t>
    <rPh sb="0" eb="4">
      <t>キンガク</t>
    </rPh>
    <phoneticPr fontId="2"/>
  </si>
  <si>
    <t>時間</t>
    <rPh sb="0" eb="2">
      <t>ジカン</t>
    </rPh>
    <phoneticPr fontId="2"/>
  </si>
  <si>
    <t>人</t>
    <rPh sb="0" eb="1">
      <t>ニン</t>
    </rPh>
    <phoneticPr fontId="2"/>
  </si>
  <si>
    <t>事務職員</t>
    <rPh sb="0" eb="2">
      <t>ジム</t>
    </rPh>
    <rPh sb="2" eb="4">
      <t>ショクイン</t>
    </rPh>
    <phoneticPr fontId="2"/>
  </si>
  <si>
    <t>経費</t>
    <rPh sb="0" eb="2">
      <t>ケイヒ</t>
    </rPh>
    <phoneticPr fontId="2"/>
  </si>
  <si>
    <t>生徒経費</t>
    <rPh sb="0" eb="2">
      <t>セイト</t>
    </rPh>
    <rPh sb="2" eb="4">
      <t>ケイヒ</t>
    </rPh>
    <phoneticPr fontId="2"/>
  </si>
  <si>
    <t>（事業用教材費内訳）</t>
    <rPh sb="1" eb="4">
      <t>ジギョウヨウ</t>
    </rPh>
    <rPh sb="4" eb="7">
      <t>キョウザイヒ</t>
    </rPh>
    <rPh sb="7" eb="9">
      <t>ウチワケ</t>
    </rPh>
    <phoneticPr fontId="2"/>
  </si>
  <si>
    <t>実習施設</t>
    <rPh sb="0" eb="2">
      <t>ジッシュウ</t>
    </rPh>
    <rPh sb="2" eb="4">
      <t>シセツ</t>
    </rPh>
    <phoneticPr fontId="2"/>
  </si>
  <si>
    <t>（実習施設謝金内訳）</t>
    <rPh sb="1" eb="3">
      <t>ジッシュウ</t>
    </rPh>
    <rPh sb="3" eb="5">
      <t>シセツ</t>
    </rPh>
    <rPh sb="5" eb="7">
      <t>シャキン</t>
    </rPh>
    <rPh sb="7" eb="9">
      <t>ウチワケ</t>
    </rPh>
    <phoneticPr fontId="2"/>
  </si>
  <si>
    <t>謝金</t>
    <rPh sb="0" eb="2">
      <t>シャキン</t>
    </rPh>
    <phoneticPr fontId="2"/>
  </si>
  <si>
    <t>実習施設名</t>
    <rPh sb="0" eb="2">
      <t>ジッシュウ</t>
    </rPh>
    <rPh sb="2" eb="4">
      <t>シセツ</t>
    </rPh>
    <rPh sb="4" eb="5">
      <t>メイ</t>
    </rPh>
    <phoneticPr fontId="2"/>
  </si>
  <si>
    <t>学生数</t>
    <rPh sb="0" eb="3">
      <t>ガクセイスウ</t>
    </rPh>
    <phoneticPr fontId="2"/>
  </si>
  <si>
    <t>日　数</t>
    <rPh sb="0" eb="3">
      <t>ニッスウ</t>
    </rPh>
    <phoneticPr fontId="2"/>
  </si>
  <si>
    <t>日</t>
    <rPh sb="0" eb="1">
      <t>ニッスウ</t>
    </rPh>
    <phoneticPr fontId="2"/>
  </si>
  <si>
    <t>へき地等の地域における養成所に対する重点的支援事業実施経費</t>
    <rPh sb="2" eb="3">
      <t>チ</t>
    </rPh>
    <rPh sb="3" eb="4">
      <t>トウ</t>
    </rPh>
    <rPh sb="5" eb="7">
      <t>チイキ</t>
    </rPh>
    <rPh sb="11" eb="14">
      <t>ヨウセイショ</t>
    </rPh>
    <rPh sb="15" eb="16">
      <t>タイ</t>
    </rPh>
    <rPh sb="18" eb="20">
      <t>ジュウテン</t>
    </rPh>
    <rPh sb="20" eb="21">
      <t>テキ</t>
    </rPh>
    <rPh sb="21" eb="23">
      <t>シエン</t>
    </rPh>
    <rPh sb="23" eb="25">
      <t>ジギョウ</t>
    </rPh>
    <rPh sb="25" eb="27">
      <t>ジッシ</t>
    </rPh>
    <rPh sb="27" eb="29">
      <t>ケイヒ</t>
    </rPh>
    <phoneticPr fontId="2"/>
  </si>
  <si>
    <t>１　課程ごとに別葉に作成すること。</t>
    <rPh sb="2" eb="4">
      <t>カテイ</t>
    </rPh>
    <rPh sb="7" eb="8">
      <t>ベツヨウ</t>
    </rPh>
    <rPh sb="8" eb="9">
      <t>ヨウ</t>
    </rPh>
    <rPh sb="10" eb="12">
      <t>サクセイ</t>
    </rPh>
    <phoneticPr fontId="2"/>
  </si>
  <si>
    <t>　記載し、単価が500,000円以下の物品については、「○○ほか」として包括的に記載すること。</t>
    <rPh sb="1" eb="3">
      <t>キサイ</t>
    </rPh>
    <rPh sb="5" eb="7">
      <t>タンカ</t>
    </rPh>
    <rPh sb="15" eb="16">
      <t>エン</t>
    </rPh>
    <rPh sb="16" eb="18">
      <t>イカ</t>
    </rPh>
    <rPh sb="19" eb="21">
      <t>ブッピン</t>
    </rPh>
    <rPh sb="36" eb="39">
      <t>ホウカツテキ</t>
    </rPh>
    <rPh sb="40" eb="42">
      <t>キサイ</t>
    </rPh>
    <phoneticPr fontId="2"/>
  </si>
  <si>
    <t>　「講師謝金支給時間数」には、講師による講義時間のうち実際に講師謝金を支給する時間数を記載すること。</t>
    <rPh sb="2" eb="4">
      <t>コウシ</t>
    </rPh>
    <rPh sb="4" eb="6">
      <t>シャキン</t>
    </rPh>
    <rPh sb="6" eb="8">
      <t>シキュウ</t>
    </rPh>
    <rPh sb="8" eb="11">
      <t>ジカンスウ</t>
    </rPh>
    <rPh sb="15" eb="17">
      <t>コウシ</t>
    </rPh>
    <rPh sb="20" eb="22">
      <t>コウギ</t>
    </rPh>
    <rPh sb="22" eb="24">
      <t>ジカン</t>
    </rPh>
    <rPh sb="27" eb="29">
      <t>ジッサイ</t>
    </rPh>
    <rPh sb="30" eb="32">
      <t>コウシ</t>
    </rPh>
    <rPh sb="32" eb="34">
      <t>シャキン</t>
    </rPh>
    <rPh sb="35" eb="37">
      <t>シキュウ</t>
    </rPh>
    <rPh sb="39" eb="41">
      <t>ジカン</t>
    </rPh>
    <rPh sb="41" eb="42">
      <t>スウ</t>
    </rPh>
    <rPh sb="43" eb="45">
      <t>キサイ</t>
    </rPh>
    <phoneticPr fontId="2"/>
  </si>
  <si>
    <t>　についても、必ず記入すること。</t>
    <rPh sb="7" eb="8">
      <t>カナラ</t>
    </rPh>
    <rPh sb="9" eb="11">
      <t>キニュウ</t>
    </rPh>
    <phoneticPr fontId="2"/>
  </si>
  <si>
    <t>　に記載し、単価が500,000円以下の物品については、「○○ほか」として包括的に記載すること。</t>
    <rPh sb="2" eb="4">
      <t>キサイ</t>
    </rPh>
    <phoneticPr fontId="2"/>
  </si>
  <si>
    <t>　ヶ所以上指定している場合は各実習施設ごとに記載すること。</t>
    <rPh sb="2" eb="3">
      <t>ショ</t>
    </rPh>
    <rPh sb="3" eb="5">
      <t>イジョウ</t>
    </rPh>
    <rPh sb="5" eb="7">
      <t>シテイ</t>
    </rPh>
    <rPh sb="11" eb="13">
      <t>バアイ</t>
    </rPh>
    <rPh sb="14" eb="15">
      <t>カク</t>
    </rPh>
    <rPh sb="15" eb="17">
      <t>ジッシュウ</t>
    </rPh>
    <rPh sb="17" eb="19">
      <t>シセツ</t>
    </rPh>
    <rPh sb="22" eb="24">
      <t>キサイ</t>
    </rPh>
    <phoneticPr fontId="2"/>
  </si>
  <si>
    <t>　付看第26号」によることとし、上段（　）には、歳入歳出予算書の総支出額及び総収入額を記載すること。</t>
    <rPh sb="1" eb="2">
      <t>ツ</t>
    </rPh>
    <rPh sb="2" eb="3">
      <t>カン</t>
    </rPh>
    <rPh sb="3" eb="4">
      <t>ダイ</t>
    </rPh>
    <rPh sb="6" eb="7">
      <t>ゴウ</t>
    </rPh>
    <rPh sb="16" eb="17">
      <t>ジョウキ</t>
    </rPh>
    <rPh sb="17" eb="18">
      <t>ダン</t>
    </rPh>
    <rPh sb="24" eb="26">
      <t>サイニュウ</t>
    </rPh>
    <rPh sb="26" eb="28">
      <t>サイシュツ</t>
    </rPh>
    <rPh sb="28" eb="31">
      <t>ヨサンショ</t>
    </rPh>
    <rPh sb="32" eb="33">
      <t>ソウ</t>
    </rPh>
    <rPh sb="33" eb="36">
      <t>シシュツガク</t>
    </rPh>
    <rPh sb="36" eb="37">
      <t>オヨ</t>
    </rPh>
    <rPh sb="38" eb="39">
      <t>ソウ</t>
    </rPh>
    <rPh sb="39" eb="42">
      <t>シュウニュウガク</t>
    </rPh>
    <rPh sb="43" eb="45">
      <t>キサイ</t>
    </rPh>
    <phoneticPr fontId="2"/>
  </si>
  <si>
    <t>４　事務職員経費の欄には専任事務職員の給与費を記入すること。なお、補助対象以外の専任事務職員がいる場合</t>
    <rPh sb="2" eb="4">
      <t>ジム</t>
    </rPh>
    <rPh sb="4" eb="6">
      <t>ショクイン</t>
    </rPh>
    <rPh sb="6" eb="8">
      <t>ケイヒ</t>
    </rPh>
    <rPh sb="9" eb="10">
      <t>ラン</t>
    </rPh>
    <rPh sb="12" eb="14">
      <t>センニン</t>
    </rPh>
    <rPh sb="14" eb="16">
      <t>ジム</t>
    </rPh>
    <rPh sb="16" eb="18">
      <t>ショクイン</t>
    </rPh>
    <rPh sb="19" eb="22">
      <t>キュウヨヒ</t>
    </rPh>
    <rPh sb="23" eb="25">
      <t>キニュウ</t>
    </rPh>
    <rPh sb="33" eb="35">
      <t>ホジョ</t>
    </rPh>
    <rPh sb="35" eb="37">
      <t>タイショウ</t>
    </rPh>
    <rPh sb="37" eb="39">
      <t>イガイ</t>
    </rPh>
    <rPh sb="40" eb="42">
      <t>センニン</t>
    </rPh>
    <rPh sb="42" eb="44">
      <t>ジム</t>
    </rPh>
    <rPh sb="44" eb="46">
      <t>ショクイン</t>
    </rPh>
    <rPh sb="49" eb="51">
      <t>バアイ</t>
    </rPh>
    <phoneticPr fontId="2"/>
  </si>
  <si>
    <t>７　「総事業費（Ａ）」及び「寄付金その他の収入額（Ｂ）」の算出については、看護課長通知「平成11年6月16日</t>
    <rPh sb="3" eb="6">
      <t>ソウジギョウ</t>
    </rPh>
    <rPh sb="6" eb="7">
      <t>ヒ</t>
    </rPh>
    <rPh sb="11" eb="12">
      <t>オヨ</t>
    </rPh>
    <rPh sb="14" eb="17">
      <t>キフキン</t>
    </rPh>
    <rPh sb="17" eb="20">
      <t>ソノタ</t>
    </rPh>
    <rPh sb="21" eb="24">
      <t>シュウニュウガク</t>
    </rPh>
    <rPh sb="29" eb="31">
      <t>サンシュツ</t>
    </rPh>
    <rPh sb="37" eb="39">
      <t>カンゴ</t>
    </rPh>
    <rPh sb="39" eb="41">
      <t>カチョウ</t>
    </rPh>
    <rPh sb="41" eb="43">
      <t>ツウチ</t>
    </rPh>
    <rPh sb="44" eb="46">
      <t>ヘイセイ</t>
    </rPh>
    <rPh sb="48" eb="49">
      <t>ネン</t>
    </rPh>
    <rPh sb="50" eb="51">
      <t>ツキ</t>
    </rPh>
    <rPh sb="53" eb="54">
      <t>ヒ</t>
    </rPh>
    <phoneticPr fontId="2"/>
  </si>
  <si>
    <t xml:space="preserve">別紙 </t>
    <rPh sb="0" eb="2">
      <t>ベッシ</t>
    </rPh>
    <phoneticPr fontId="2"/>
  </si>
  <si>
    <t>内訳は別紙のとおり</t>
    <rPh sb="0" eb="2">
      <t>ウチワケ</t>
    </rPh>
    <rPh sb="3" eb="5">
      <t>ベッシ</t>
    </rPh>
    <phoneticPr fontId="2"/>
  </si>
  <si>
    <t>看護師等養成所運営事業費補助金所要額調書</t>
    <rPh sb="0" eb="2">
      <t>カンゴフ</t>
    </rPh>
    <rPh sb="2" eb="3">
      <t>シ</t>
    </rPh>
    <rPh sb="3" eb="4">
      <t>トウ</t>
    </rPh>
    <rPh sb="4" eb="7">
      <t>ヨウセイショ</t>
    </rPh>
    <rPh sb="7" eb="9">
      <t>ウンエイ</t>
    </rPh>
    <rPh sb="9" eb="11">
      <t>ジギョウ</t>
    </rPh>
    <rPh sb="11" eb="12">
      <t>ヒ</t>
    </rPh>
    <rPh sb="12" eb="15">
      <t>ホジョキン</t>
    </rPh>
    <rPh sb="15" eb="18">
      <t>ショヨウガク</t>
    </rPh>
    <rPh sb="18" eb="20">
      <t>チョウショ</t>
    </rPh>
    <phoneticPr fontId="2"/>
  </si>
  <si>
    <t xml:space="preserve"> 教員経費</t>
    <rPh sb="1" eb="3">
      <t>キョウイン</t>
    </rPh>
    <rPh sb="3" eb="5">
      <t>ケイヒ</t>
    </rPh>
    <phoneticPr fontId="2"/>
  </si>
  <si>
    <t>補助基本額</t>
    <rPh sb="0" eb="2">
      <t>ホジョ</t>
    </rPh>
    <rPh sb="2" eb="5">
      <t>キホンガク</t>
    </rPh>
    <phoneticPr fontId="2"/>
  </si>
  <si>
    <t>補助対象経費の支出予定額</t>
    <rPh sb="0" eb="2">
      <t>ホジョ</t>
    </rPh>
    <rPh sb="2" eb="4">
      <t>タイショウ</t>
    </rPh>
    <rPh sb="4" eb="6">
      <t>ケイヒ</t>
    </rPh>
    <rPh sb="7" eb="9">
      <t>シシュツ</t>
    </rPh>
    <rPh sb="9" eb="12">
      <t>ヨテイガク</t>
    </rPh>
    <phoneticPr fontId="2"/>
  </si>
  <si>
    <t>県費補助支出予定額</t>
    <rPh sb="0" eb="1">
      <t>ケン</t>
    </rPh>
    <rPh sb="1" eb="2">
      <t>ヒ</t>
    </rPh>
    <rPh sb="2" eb="4">
      <t>ホジョ</t>
    </rPh>
    <rPh sb="4" eb="6">
      <t>シシュツ</t>
    </rPh>
    <rPh sb="6" eb="9">
      <t>ヨテイガク</t>
    </rPh>
    <phoneticPr fontId="2"/>
  </si>
  <si>
    <t>１　給与費</t>
    <rPh sb="2" eb="5">
      <t>キュウヨヒ</t>
    </rPh>
    <phoneticPr fontId="2"/>
  </si>
  <si>
    <t>２　2-3備品購入費の「備品購入費内訳」欄には、取得価格の単価が500,000円以上の物品については品目ごとに</t>
    <rPh sb="5" eb="7">
      <t>ビヒン</t>
    </rPh>
    <rPh sb="7" eb="10">
      <t>コウニュウヒ</t>
    </rPh>
    <rPh sb="12" eb="14">
      <t>ビヒン</t>
    </rPh>
    <rPh sb="14" eb="17">
      <t>コウニュウヒ</t>
    </rPh>
    <rPh sb="17" eb="19">
      <t>ウチワケ</t>
    </rPh>
    <rPh sb="20" eb="21">
      <t>ラン</t>
    </rPh>
    <rPh sb="24" eb="26">
      <t>シュトク</t>
    </rPh>
    <rPh sb="26" eb="28">
      <t>カカク</t>
    </rPh>
    <rPh sb="29" eb="31">
      <t>タンカ</t>
    </rPh>
    <rPh sb="39" eb="40">
      <t>エン</t>
    </rPh>
    <rPh sb="40" eb="42">
      <t>イジョウ</t>
    </rPh>
    <rPh sb="43" eb="45">
      <t>ブッピン</t>
    </rPh>
    <rPh sb="50" eb="52">
      <t>ヒンモク</t>
    </rPh>
    <phoneticPr fontId="2"/>
  </si>
  <si>
    <t>３　Ｇ欄には、F欄の金額に補助率を乗じて得た金額（ただし、１，０００円未満の端数が生じた場合には、これを切り捨てるものとする。）について予算の範囲内で記入すること。</t>
    <rPh sb="3" eb="4">
      <t>ラン</t>
    </rPh>
    <rPh sb="8" eb="9">
      <t>ラン</t>
    </rPh>
    <rPh sb="10" eb="12">
      <t>キンガク</t>
    </rPh>
    <rPh sb="13" eb="16">
      <t>ホジョリツ</t>
    </rPh>
    <rPh sb="17" eb="18">
      <t>ジョウ</t>
    </rPh>
    <rPh sb="20" eb="21">
      <t>エ</t>
    </rPh>
    <rPh sb="22" eb="24">
      <t>キンガク</t>
    </rPh>
    <rPh sb="34" eb="35">
      <t>エン</t>
    </rPh>
    <rPh sb="35" eb="37">
      <t>ミマン</t>
    </rPh>
    <rPh sb="38" eb="40">
      <t>ハスウ</t>
    </rPh>
    <rPh sb="41" eb="42">
      <t>ショウ</t>
    </rPh>
    <rPh sb="44" eb="46">
      <t>バアイ</t>
    </rPh>
    <rPh sb="52" eb="53">
      <t>キ</t>
    </rPh>
    <rPh sb="54" eb="55">
      <t>ス</t>
    </rPh>
    <rPh sb="68" eb="70">
      <t>ヨサン</t>
    </rPh>
    <rPh sb="71" eb="74">
      <t>ハンイナイ</t>
    </rPh>
    <rPh sb="75" eb="77">
      <t>キニュウ</t>
    </rPh>
    <phoneticPr fontId="11"/>
  </si>
  <si>
    <t>２　F欄には、Ｃ欄の金額とＤ欄の金額とＥ欄の金額とを比較していずれか少ない方の額を記入すること。</t>
    <rPh sb="3" eb="4">
      <t>ラン</t>
    </rPh>
    <rPh sb="8" eb="9">
      <t>ラン</t>
    </rPh>
    <rPh sb="10" eb="12">
      <t>キンガク</t>
    </rPh>
    <rPh sb="14" eb="15">
      <t>ラン</t>
    </rPh>
    <rPh sb="16" eb="18">
      <t>キンガク</t>
    </rPh>
    <rPh sb="20" eb="21">
      <t>ラン</t>
    </rPh>
    <rPh sb="22" eb="24">
      <t>キンガク</t>
    </rPh>
    <rPh sb="26" eb="28">
      <t>ヒカク</t>
    </rPh>
    <rPh sb="34" eb="35">
      <t>スク</t>
    </rPh>
    <rPh sb="37" eb="38">
      <t>ホウ</t>
    </rPh>
    <rPh sb="39" eb="40">
      <t>ガク</t>
    </rPh>
    <rPh sb="41" eb="43">
      <t>キニュウ</t>
    </rPh>
    <phoneticPr fontId="11"/>
  </si>
  <si>
    <t>添削指導員増員の分</t>
    <rPh sb="0" eb="2">
      <t>テンサク</t>
    </rPh>
    <rPh sb="2" eb="4">
      <t>シドウ</t>
    </rPh>
    <rPh sb="4" eb="5">
      <t>イン</t>
    </rPh>
    <rPh sb="5" eb="7">
      <t>ゾウイン</t>
    </rPh>
    <rPh sb="8" eb="9">
      <t>ブン</t>
    </rPh>
    <phoneticPr fontId="2"/>
  </si>
  <si>
    <t>３　添削指導員給与費</t>
    <rPh sb="2" eb="4">
      <t>テンサク</t>
    </rPh>
    <rPh sb="4" eb="7">
      <t>シドウイン</t>
    </rPh>
    <rPh sb="7" eb="9">
      <t>キュウヨ</t>
    </rPh>
    <rPh sb="9" eb="10">
      <t>ヒ</t>
    </rPh>
    <phoneticPr fontId="2"/>
  </si>
  <si>
    <t>４　部外講師謝金</t>
    <rPh sb="2" eb="4">
      <t>ブガイ</t>
    </rPh>
    <rPh sb="4" eb="6">
      <t>コウシ</t>
    </rPh>
    <rPh sb="6" eb="8">
      <t>シャキン</t>
    </rPh>
    <phoneticPr fontId="2"/>
  </si>
  <si>
    <t>５　委託料</t>
    <rPh sb="2" eb="5">
      <t>イタクリョウ</t>
    </rPh>
    <phoneticPr fontId="2"/>
  </si>
  <si>
    <t>　　計（１～５）</t>
    <rPh sb="2" eb="3">
      <t>ケイ</t>
    </rPh>
    <phoneticPr fontId="2"/>
  </si>
  <si>
    <t>６　給与費</t>
    <rPh sb="2" eb="5">
      <t>キュウヨヒ</t>
    </rPh>
    <phoneticPr fontId="2"/>
  </si>
  <si>
    <t>７　委託料</t>
    <rPh sb="2" eb="5">
      <t>イタクリョウ</t>
    </rPh>
    <phoneticPr fontId="2"/>
  </si>
  <si>
    <t>　　計（６～７）</t>
    <rPh sb="2" eb="3">
      <t>ケイ</t>
    </rPh>
    <phoneticPr fontId="2"/>
  </si>
  <si>
    <t>８　事業用教材費</t>
    <rPh sb="2" eb="5">
      <t>ジギョウヨウ</t>
    </rPh>
    <rPh sb="5" eb="8">
      <t>キョウザイヒ</t>
    </rPh>
    <phoneticPr fontId="2"/>
  </si>
  <si>
    <t>９　臨床実習経費</t>
    <rPh sb="2" eb="4">
      <t>リンショウ</t>
    </rPh>
    <rPh sb="4" eb="6">
      <t>ジッシュウ</t>
    </rPh>
    <rPh sb="6" eb="8">
      <t>ケイヒ</t>
    </rPh>
    <phoneticPr fontId="2"/>
  </si>
  <si>
    <t>10　委託料　</t>
    <rPh sb="3" eb="6">
      <t>イタクリョウ</t>
    </rPh>
    <phoneticPr fontId="2"/>
  </si>
  <si>
    <t>　　計（８～10）</t>
    <rPh sb="2" eb="3">
      <t>ケイ</t>
    </rPh>
    <phoneticPr fontId="2"/>
  </si>
  <si>
    <t>11　実習施設謝金</t>
    <rPh sb="3" eb="5">
      <t>ジッシュウ</t>
    </rPh>
    <rPh sb="5" eb="7">
      <t>シセツ</t>
    </rPh>
    <rPh sb="7" eb="9">
      <t>シャキン</t>
    </rPh>
    <phoneticPr fontId="2"/>
  </si>
  <si>
    <t>12　委託料</t>
    <rPh sb="3" eb="6">
      <t>イタクリョウ</t>
    </rPh>
    <phoneticPr fontId="2"/>
  </si>
  <si>
    <t>　　計（11～12）</t>
    <rPh sb="2" eb="3">
      <t>ケイ</t>
    </rPh>
    <phoneticPr fontId="2"/>
  </si>
  <si>
    <t>13　実習体制支援経費</t>
    <rPh sb="3" eb="5">
      <t>ジッシュウ</t>
    </rPh>
    <rPh sb="5" eb="7">
      <t>タイセイ</t>
    </rPh>
    <rPh sb="7" eb="9">
      <t>シエン</t>
    </rPh>
    <rPh sb="9" eb="11">
      <t>ケイヒ</t>
    </rPh>
    <phoneticPr fontId="2"/>
  </si>
  <si>
    <t>　13-1　賃金</t>
    <rPh sb="6" eb="8">
      <t>チンギン</t>
    </rPh>
    <phoneticPr fontId="2"/>
  </si>
  <si>
    <t>　13-2　燃料費</t>
    <rPh sb="6" eb="9">
      <t>ネンリョウヒ</t>
    </rPh>
    <phoneticPr fontId="2"/>
  </si>
  <si>
    <t>　13-3　消耗品費</t>
    <rPh sb="6" eb="9">
      <t>ショウモウヒン</t>
    </rPh>
    <rPh sb="9" eb="10">
      <t>ヒ</t>
    </rPh>
    <phoneticPr fontId="2"/>
  </si>
  <si>
    <t>　13-4　修繕費</t>
    <rPh sb="6" eb="8">
      <t>シュウゼン</t>
    </rPh>
    <rPh sb="8" eb="9">
      <t>ウンパンヒ</t>
    </rPh>
    <phoneticPr fontId="2"/>
  </si>
  <si>
    <t>　13-5　保険料</t>
    <rPh sb="6" eb="8">
      <t>ホケン</t>
    </rPh>
    <rPh sb="8" eb="9">
      <t>リョウ</t>
    </rPh>
    <phoneticPr fontId="2"/>
  </si>
  <si>
    <t>　13-6　手数料</t>
    <rPh sb="6" eb="8">
      <t>テスウ</t>
    </rPh>
    <phoneticPr fontId="2"/>
  </si>
  <si>
    <t>　13-7　備品購入費</t>
    <rPh sb="6" eb="8">
      <t>ビヒン</t>
    </rPh>
    <rPh sb="8" eb="10">
      <t>コウニュウ</t>
    </rPh>
    <rPh sb="10" eb="11">
      <t>ヒ</t>
    </rPh>
    <phoneticPr fontId="2"/>
  </si>
  <si>
    <r>
      <t>　13-8　</t>
    </r>
    <r>
      <rPr>
        <sz val="9"/>
        <rFont val="ＭＳ 明朝"/>
        <family val="1"/>
        <charset val="128"/>
      </rPr>
      <t>使用料及び賃借料</t>
    </r>
    <rPh sb="6" eb="9">
      <t>シヨウリョウ</t>
    </rPh>
    <rPh sb="9" eb="10">
      <t>オヨ</t>
    </rPh>
    <rPh sb="11" eb="14">
      <t>チンシャクリョウ</t>
    </rPh>
    <phoneticPr fontId="2"/>
  </si>
  <si>
    <r>
      <t>14　</t>
    </r>
    <r>
      <rPr>
        <sz val="9"/>
        <rFont val="ＭＳ 明朝"/>
        <family val="1"/>
        <charset val="128"/>
      </rPr>
      <t>看護職員養成確保促進経費</t>
    </r>
    <rPh sb="3" eb="5">
      <t>カンゴ</t>
    </rPh>
    <rPh sb="5" eb="7">
      <t>ショクイン</t>
    </rPh>
    <rPh sb="7" eb="9">
      <t>ヨウセイ</t>
    </rPh>
    <rPh sb="9" eb="11">
      <t>カクホ</t>
    </rPh>
    <rPh sb="11" eb="13">
      <t>ソクシン</t>
    </rPh>
    <rPh sb="13" eb="15">
      <t>ケイヒ</t>
    </rPh>
    <phoneticPr fontId="2"/>
  </si>
  <si>
    <t>　14-1　旅費</t>
    <rPh sb="6" eb="8">
      <t>リョヒ</t>
    </rPh>
    <phoneticPr fontId="2"/>
  </si>
  <si>
    <t>　14-2　印刷製本費</t>
    <rPh sb="6" eb="8">
      <t>インサツ</t>
    </rPh>
    <rPh sb="8" eb="10">
      <t>セイホン</t>
    </rPh>
    <rPh sb="10" eb="11">
      <t>ヒ</t>
    </rPh>
    <phoneticPr fontId="2"/>
  </si>
  <si>
    <t>　14-3　食糧費（会議費）</t>
    <rPh sb="6" eb="9">
      <t>ショクリョウヒ</t>
    </rPh>
    <rPh sb="10" eb="12">
      <t>カイギ</t>
    </rPh>
    <rPh sb="12" eb="13">
      <t>ヒ</t>
    </rPh>
    <phoneticPr fontId="2"/>
  </si>
  <si>
    <t>　14-4　通信運搬費</t>
    <rPh sb="6" eb="8">
      <t>ツウシン</t>
    </rPh>
    <rPh sb="8" eb="11">
      <t>ウンパンヒ</t>
    </rPh>
    <phoneticPr fontId="2"/>
  </si>
  <si>
    <r>
      <t>　14-5　</t>
    </r>
    <r>
      <rPr>
        <sz val="9"/>
        <rFont val="ＭＳ 明朝"/>
        <family val="1"/>
        <charset val="128"/>
      </rPr>
      <t>使用料及び賃借料</t>
    </r>
    <rPh sb="6" eb="9">
      <t>シヨウリョウ</t>
    </rPh>
    <rPh sb="9" eb="10">
      <t>オヨ</t>
    </rPh>
    <rPh sb="11" eb="14">
      <t>チンシャクリョウ</t>
    </rPh>
    <phoneticPr fontId="2"/>
  </si>
  <si>
    <t>15　委託料</t>
    <rPh sb="3" eb="6">
      <t>イタクリョウ</t>
    </rPh>
    <phoneticPr fontId="2"/>
  </si>
  <si>
    <t>　　計（13～15）</t>
    <rPh sb="2" eb="3">
      <t>ケイ</t>
    </rPh>
    <phoneticPr fontId="2"/>
  </si>
  <si>
    <t>３　4部外講師謝金の「部外講師謝金内訳」欄には、部外講師の講義時間数、実人員を記載すること。</t>
    <rPh sb="3" eb="5">
      <t>ブガイ</t>
    </rPh>
    <rPh sb="5" eb="7">
      <t>コウシ</t>
    </rPh>
    <rPh sb="7" eb="9">
      <t>シャキン</t>
    </rPh>
    <rPh sb="11" eb="13">
      <t>ブガイ</t>
    </rPh>
    <rPh sb="13" eb="15">
      <t>コウシ</t>
    </rPh>
    <rPh sb="15" eb="17">
      <t>シャキン</t>
    </rPh>
    <rPh sb="17" eb="19">
      <t>ウチワケ</t>
    </rPh>
    <rPh sb="20" eb="21">
      <t>ラン</t>
    </rPh>
    <rPh sb="24" eb="26">
      <t>ブガイ</t>
    </rPh>
    <rPh sb="26" eb="28">
      <t>コウシ</t>
    </rPh>
    <rPh sb="29" eb="31">
      <t>コウギ</t>
    </rPh>
    <rPh sb="31" eb="34">
      <t>ジカンスウ</t>
    </rPh>
    <rPh sb="35" eb="38">
      <t>ジツジンイン</t>
    </rPh>
    <rPh sb="39" eb="41">
      <t>キサイ</t>
    </rPh>
    <phoneticPr fontId="2"/>
  </si>
  <si>
    <t>５　8事業用教材費の「事業用教材費内訳」欄には、取得価格の単価が500,000円以上の物品については品目ごと</t>
    <rPh sb="3" eb="6">
      <t>ジギョウヨウ</t>
    </rPh>
    <rPh sb="6" eb="9">
      <t>キョウザイヒ</t>
    </rPh>
    <rPh sb="11" eb="14">
      <t>ジギョウヨウ</t>
    </rPh>
    <rPh sb="14" eb="17">
      <t>キョウザイヒ</t>
    </rPh>
    <rPh sb="17" eb="21">
      <t>ウチワケラン</t>
    </rPh>
    <rPh sb="24" eb="26">
      <t>シュトク</t>
    </rPh>
    <rPh sb="26" eb="28">
      <t>カカク</t>
    </rPh>
    <rPh sb="29" eb="31">
      <t>タンカ</t>
    </rPh>
    <rPh sb="39" eb="40">
      <t>エン</t>
    </rPh>
    <rPh sb="40" eb="42">
      <t>イジョウ</t>
    </rPh>
    <rPh sb="43" eb="45">
      <t>ブッピン</t>
    </rPh>
    <rPh sb="50" eb="52">
      <t>ヒンモク</t>
    </rPh>
    <phoneticPr fontId="2"/>
  </si>
  <si>
    <t>６　11実習施設謝金の「実習施設謝金内訳」欄には、実習施設名、実習に参加した学生数等記載し、実習施設を２</t>
    <rPh sb="4" eb="6">
      <t>ジッシュウ</t>
    </rPh>
    <rPh sb="6" eb="8">
      <t>シセツ</t>
    </rPh>
    <rPh sb="8" eb="10">
      <t>シャキン</t>
    </rPh>
    <rPh sb="12" eb="14">
      <t>ジッシュウ</t>
    </rPh>
    <rPh sb="14" eb="16">
      <t>シセツ</t>
    </rPh>
    <rPh sb="16" eb="18">
      <t>シャキン</t>
    </rPh>
    <rPh sb="18" eb="20">
      <t>ウチワケ</t>
    </rPh>
    <rPh sb="21" eb="22">
      <t>ラン</t>
    </rPh>
    <rPh sb="25" eb="27">
      <t>ジッシュウ</t>
    </rPh>
    <rPh sb="27" eb="29">
      <t>シセツ</t>
    </rPh>
    <rPh sb="29" eb="30">
      <t>メイ</t>
    </rPh>
    <rPh sb="31" eb="33">
      <t>ジッシュウ</t>
    </rPh>
    <rPh sb="34" eb="36">
      <t>サンカ</t>
    </rPh>
    <rPh sb="38" eb="41">
      <t>ガクセイスウ</t>
    </rPh>
    <rPh sb="41" eb="42">
      <t>トウ</t>
    </rPh>
    <rPh sb="42" eb="44">
      <t>キサイ</t>
    </rPh>
    <rPh sb="46" eb="48">
      <t>ジッシュウ</t>
    </rPh>
    <rPh sb="48" eb="50">
      <t>シセツ</t>
    </rPh>
    <phoneticPr fontId="2"/>
  </si>
  <si>
    <t>　　特に、複数の教育課程あるいは養成所・学校を設置している場合の事業費の計上に当たっては、生徒数・教員数・</t>
    <rPh sb="2" eb="3">
      <t>トク</t>
    </rPh>
    <rPh sb="5" eb="7">
      <t>フクスウ</t>
    </rPh>
    <rPh sb="8" eb="10">
      <t>キョウイク</t>
    </rPh>
    <rPh sb="10" eb="12">
      <t>カテイ</t>
    </rPh>
    <rPh sb="16" eb="19">
      <t>ヨウセイジョ</t>
    </rPh>
    <rPh sb="20" eb="22">
      <t>ガッコウ</t>
    </rPh>
    <rPh sb="23" eb="25">
      <t>セッチ</t>
    </rPh>
    <rPh sb="29" eb="31">
      <t>バアイ</t>
    </rPh>
    <rPh sb="32" eb="35">
      <t>ジギョウヒ</t>
    </rPh>
    <rPh sb="36" eb="38">
      <t>ケイジョウ</t>
    </rPh>
    <rPh sb="39" eb="40">
      <t>ア</t>
    </rPh>
    <rPh sb="45" eb="48">
      <t>セイトスウ</t>
    </rPh>
    <rPh sb="49" eb="51">
      <t>キョウイン</t>
    </rPh>
    <rPh sb="51" eb="52">
      <t>カズ</t>
    </rPh>
    <phoneticPr fontId="2"/>
  </si>
  <si>
    <t>　課程数・カリキュラムに基づく時間数及び教室面積等を活用し、論理的な根拠に基づいた方法により按分を行い、</t>
    <rPh sb="1" eb="3">
      <t>カテイ</t>
    </rPh>
    <rPh sb="3" eb="4">
      <t>スウ</t>
    </rPh>
    <rPh sb="12" eb="13">
      <t>モト</t>
    </rPh>
    <rPh sb="15" eb="18">
      <t>ジカンスウ</t>
    </rPh>
    <rPh sb="18" eb="19">
      <t>オヨ</t>
    </rPh>
    <rPh sb="20" eb="22">
      <t>キョウシツ</t>
    </rPh>
    <rPh sb="22" eb="24">
      <t>メンセキ</t>
    </rPh>
    <rPh sb="24" eb="25">
      <t>トウ</t>
    </rPh>
    <rPh sb="26" eb="28">
      <t>カツヨウ</t>
    </rPh>
    <rPh sb="30" eb="33">
      <t>ロンリテキ</t>
    </rPh>
    <rPh sb="34" eb="36">
      <t>コンキョ</t>
    </rPh>
    <rPh sb="37" eb="39">
      <t>モトズ</t>
    </rPh>
    <rPh sb="41" eb="43">
      <t>ホウホウ</t>
    </rPh>
    <rPh sb="46" eb="48">
      <t>アンブン</t>
    </rPh>
    <rPh sb="49" eb="50">
      <t>オコナ</t>
    </rPh>
    <phoneticPr fontId="2"/>
  </si>
  <si>
    <t>　他の教育課程等との区分けを行うよう留意すること</t>
    <rPh sb="1" eb="2">
      <t>タ</t>
    </rPh>
    <rPh sb="3" eb="5">
      <t>キョウイク</t>
    </rPh>
    <rPh sb="5" eb="7">
      <t>カテイ</t>
    </rPh>
    <rPh sb="7" eb="8">
      <t>トウ</t>
    </rPh>
    <rPh sb="10" eb="12">
      <t>クワ</t>
    </rPh>
    <rPh sb="14" eb="15">
      <t>オコナ</t>
    </rPh>
    <rPh sb="18" eb="20">
      <t>リュウイ</t>
    </rPh>
    <phoneticPr fontId="2"/>
  </si>
  <si>
    <t>円　</t>
    <rPh sb="0" eb="1">
      <t>エン</t>
    </rPh>
    <phoneticPr fontId="2"/>
  </si>
  <si>
    <t>小計</t>
    <rPh sb="0" eb="2">
      <t>ショウケイ</t>
    </rPh>
    <phoneticPr fontId="2"/>
  </si>
  <si>
    <t>調整率</t>
    <rPh sb="0" eb="3">
      <t>チョウセイリツ</t>
    </rPh>
    <phoneticPr fontId="2"/>
  </si>
  <si>
    <t>基　　準　　額</t>
    <rPh sb="0" eb="7">
      <t>キジュンガク</t>
    </rPh>
    <phoneticPr fontId="2"/>
  </si>
  <si>
    <t>第３号様式（第３条関係）</t>
    <rPh sb="0" eb="1">
      <t>ダイ</t>
    </rPh>
    <rPh sb="2" eb="3">
      <t>ゴウ</t>
    </rPh>
    <rPh sb="3" eb="5">
      <t>ヨウシキ</t>
    </rPh>
    <rPh sb="6" eb="7">
      <t>ダイ</t>
    </rPh>
    <rPh sb="8" eb="9">
      <t>ジョウ</t>
    </rPh>
    <rPh sb="9" eb="11">
      <t>カンケイ</t>
    </rPh>
    <phoneticPr fontId="2"/>
  </si>
  <si>
    <t>Ａ</t>
    <phoneticPr fontId="2"/>
  </si>
  <si>
    <t>Ｂ</t>
    <phoneticPr fontId="2"/>
  </si>
  <si>
    <t>Ｃ</t>
    <phoneticPr fontId="2"/>
  </si>
  <si>
    <t>Ｄ</t>
    <phoneticPr fontId="2"/>
  </si>
  <si>
    <t>Ｅ</t>
    <phoneticPr fontId="2"/>
  </si>
  <si>
    <t>Ｆ</t>
    <phoneticPr fontId="2"/>
  </si>
  <si>
    <t>Ｇ</t>
    <phoneticPr fontId="2"/>
  </si>
  <si>
    <t>(           )</t>
    <phoneticPr fontId="2"/>
  </si>
  <si>
    <t>(           )</t>
  </si>
  <si>
    <t>看護師</t>
    <rPh sb="0" eb="3">
      <t>カンゴシ</t>
    </rPh>
    <phoneticPr fontId="13"/>
  </si>
  <si>
    <t>(３年課程)</t>
    <rPh sb="2" eb="3">
      <t>ネン</t>
    </rPh>
    <rPh sb="3" eb="5">
      <t>カテイ</t>
    </rPh>
    <phoneticPr fontId="13"/>
  </si>
  <si>
    <t>(２年課程)</t>
    <rPh sb="2" eb="3">
      <t>ネン</t>
    </rPh>
    <rPh sb="3" eb="5">
      <t>カテイ</t>
    </rPh>
    <phoneticPr fontId="1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7" formatCode="\(#,##0\);[Red]\-#,##0\)"/>
  </numFmts>
  <fonts count="18" x14ac:knownFonts="1">
    <font>
      <sz val="11"/>
      <name val="ＭＳ 明朝"/>
      <family val="1"/>
      <charset val="128"/>
    </font>
    <font>
      <sz val="11"/>
      <name val="ＭＳ Ｐゴシック"/>
      <family val="3"/>
      <charset val="128"/>
    </font>
    <font>
      <sz val="6"/>
      <name val="ＭＳ Ｐ明朝"/>
      <family val="1"/>
      <charset val="128"/>
    </font>
    <font>
      <sz val="8"/>
      <name val="ＭＳ 明朝"/>
      <family val="1"/>
      <charset val="128"/>
    </font>
    <font>
      <sz val="9"/>
      <name val="ＭＳ 明朝"/>
      <family val="1"/>
      <charset val="128"/>
    </font>
    <font>
      <sz val="10"/>
      <name val="ＭＳ 明朝"/>
      <family val="1"/>
      <charset val="128"/>
    </font>
    <font>
      <sz val="14"/>
      <name val="ＭＳ 明朝"/>
      <family val="1"/>
      <charset val="128"/>
    </font>
    <font>
      <b/>
      <sz val="16"/>
      <name val="ＭＳ 明朝"/>
      <family val="1"/>
      <charset val="128"/>
    </font>
    <font>
      <sz val="12"/>
      <name val="ＭＳ 明朝"/>
      <family val="1"/>
      <charset val="128"/>
    </font>
    <font>
      <sz val="11"/>
      <name val="ＭＳ 明朝"/>
      <family val="1"/>
      <charset val="128"/>
    </font>
    <font>
      <sz val="11"/>
      <name val="ＭＳ Ｐゴシック"/>
      <family val="3"/>
      <charset val="128"/>
    </font>
    <font>
      <sz val="6"/>
      <name val="ＭＳ Ｐゴシック"/>
      <family val="3"/>
      <charset val="128"/>
    </font>
    <font>
      <sz val="6"/>
      <name val="ＭＳ 明朝"/>
      <family val="1"/>
      <charset val="128"/>
    </font>
    <font>
      <sz val="6"/>
      <name val="ＭＳ Ｐゴシック"/>
      <family val="3"/>
      <charset val="128"/>
      <scheme val="minor"/>
    </font>
    <font>
      <sz val="11"/>
      <color theme="1"/>
      <name val="ＭＳ Ｐゴシック"/>
      <family val="3"/>
      <charset val="128"/>
      <scheme val="minor"/>
    </font>
    <font>
      <sz val="8"/>
      <name val="ＭＳ Ｐゴシック"/>
      <family val="3"/>
      <charset val="128"/>
    </font>
    <font>
      <sz val="11"/>
      <name val="ＭＳ Ｐ明朝"/>
      <family val="1"/>
      <charset val="128"/>
    </font>
    <font>
      <sz val="9"/>
      <color indexed="81"/>
      <name val="ＭＳ Ｐゴシック"/>
      <family val="3"/>
      <charset val="128"/>
    </font>
  </fonts>
  <fills count="2">
    <fill>
      <patternFill patternType="none"/>
    </fill>
    <fill>
      <patternFill patternType="gray125"/>
    </fill>
  </fills>
  <borders count="16">
    <border>
      <left/>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style="thin">
        <color indexed="64"/>
      </right>
      <top/>
      <bottom/>
      <diagonal/>
    </border>
    <border>
      <left style="thin">
        <color indexed="64"/>
      </left>
      <right/>
      <top/>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7">
    <xf numFmtId="0" fontId="0" fillId="0" borderId="0"/>
    <xf numFmtId="0" fontId="10" fillId="0" borderId="0"/>
    <xf numFmtId="0" fontId="9" fillId="0" borderId="0"/>
    <xf numFmtId="38" fontId="14" fillId="0" borderId="0" applyFont="0" applyFill="0" applyBorder="0" applyAlignment="0" applyProtection="0">
      <alignment vertical="center"/>
    </xf>
    <xf numFmtId="0" fontId="16" fillId="0" borderId="0"/>
    <xf numFmtId="0" fontId="1" fillId="0" borderId="0"/>
    <xf numFmtId="1" fontId="6" fillId="0" borderId="0"/>
  </cellStyleXfs>
  <cellXfs count="142">
    <xf numFmtId="0" fontId="0" fillId="0" borderId="0" xfId="0"/>
    <xf numFmtId="0" fontId="5" fillId="0" borderId="0" xfId="0" applyFont="1"/>
    <xf numFmtId="0" fontId="0" fillId="0" borderId="0" xfId="0" applyAlignment="1">
      <alignment horizontal="right"/>
    </xf>
    <xf numFmtId="0" fontId="7" fillId="0" borderId="0" xfId="0" applyFont="1"/>
    <xf numFmtId="0" fontId="0" fillId="0" borderId="1" xfId="0" applyBorder="1"/>
    <xf numFmtId="0" fontId="0" fillId="0" borderId="5" xfId="0" applyBorder="1" applyAlignment="1">
      <alignment horizontal="center"/>
    </xf>
    <xf numFmtId="0" fontId="0" fillId="0" borderId="6" xfId="0" applyBorder="1"/>
    <xf numFmtId="0" fontId="0" fillId="0" borderId="4" xfId="0" applyBorder="1"/>
    <xf numFmtId="0" fontId="0" fillId="0" borderId="7" xfId="0" applyBorder="1"/>
    <xf numFmtId="0" fontId="3" fillId="0" borderId="8" xfId="0" applyFont="1" applyBorder="1" applyAlignment="1">
      <alignment horizontal="right" vertical="top"/>
    </xf>
    <xf numFmtId="0" fontId="0" fillId="0" borderId="2" xfId="0" applyBorder="1"/>
    <xf numFmtId="0" fontId="0" fillId="0" borderId="3" xfId="0" applyBorder="1"/>
    <xf numFmtId="0" fontId="3" fillId="0" borderId="6" xfId="0" applyFont="1" applyBorder="1" applyAlignment="1">
      <alignment horizontal="right" vertical="top"/>
    </xf>
    <xf numFmtId="0" fontId="4" fillId="0" borderId="5" xfId="0" applyFont="1" applyBorder="1" applyAlignment="1">
      <alignment horizontal="center"/>
    </xf>
    <xf numFmtId="0" fontId="3" fillId="0" borderId="6" xfId="0" applyFont="1" applyBorder="1" applyAlignment="1">
      <alignment horizontal="right"/>
    </xf>
    <xf numFmtId="0" fontId="0" fillId="0" borderId="0" xfId="0" applyBorder="1"/>
    <xf numFmtId="0" fontId="3" fillId="0" borderId="9" xfId="0" applyFont="1" applyBorder="1" applyAlignment="1">
      <alignment horizontal="right" vertical="top"/>
    </xf>
    <xf numFmtId="0" fontId="8" fillId="0" borderId="0" xfId="0" applyFont="1"/>
    <xf numFmtId="0" fontId="0" fillId="0" borderId="10" xfId="0" applyBorder="1"/>
    <xf numFmtId="0" fontId="0" fillId="0" borderId="8" xfId="0" applyBorder="1"/>
    <xf numFmtId="0" fontId="0" fillId="0" borderId="11" xfId="0" applyBorder="1"/>
    <xf numFmtId="0" fontId="0" fillId="0" borderId="9" xfId="0" applyBorder="1"/>
    <xf numFmtId="0" fontId="0" fillId="0" borderId="6" xfId="0" applyBorder="1" applyAlignment="1">
      <alignment horizontal="right"/>
    </xf>
    <xf numFmtId="0" fontId="0" fillId="0" borderId="12" xfId="0" applyBorder="1"/>
    <xf numFmtId="0" fontId="0" fillId="0" borderId="0" xfId="0" applyBorder="1" applyAlignment="1">
      <alignment horizontal="center"/>
    </xf>
    <xf numFmtId="0" fontId="0" fillId="0" borderId="10" xfId="0" applyBorder="1" applyAlignment="1">
      <alignment vertical="center" wrapText="1"/>
    </xf>
    <xf numFmtId="0" fontId="9" fillId="0" borderId="0" xfId="0" applyFont="1"/>
    <xf numFmtId="0" fontId="5" fillId="0" borderId="0" xfId="1" applyFont="1"/>
    <xf numFmtId="0" fontId="0" fillId="0" borderId="0" xfId="0" applyFont="1" applyBorder="1" applyAlignment="1">
      <alignment vertical="center"/>
    </xf>
    <xf numFmtId="0" fontId="9" fillId="0" borderId="0" xfId="2" applyBorder="1"/>
    <xf numFmtId="0" fontId="9" fillId="0" borderId="0" xfId="2" applyFont="1" applyBorder="1" applyAlignment="1">
      <alignment vertical="center"/>
    </xf>
    <xf numFmtId="0" fontId="9" fillId="0" borderId="0" xfId="2"/>
    <xf numFmtId="0" fontId="9" fillId="0" borderId="1" xfId="2" applyBorder="1"/>
    <xf numFmtId="0" fontId="3" fillId="0" borderId="2" xfId="2" applyFont="1" applyBorder="1" applyAlignment="1">
      <alignment horizontal="right"/>
    </xf>
    <xf numFmtId="0" fontId="3" fillId="0" borderId="3" xfId="2" applyFont="1" applyBorder="1" applyAlignment="1">
      <alignment horizontal="right"/>
    </xf>
    <xf numFmtId="0" fontId="3" fillId="0" borderId="4" xfId="2" applyFont="1" applyBorder="1" applyAlignment="1">
      <alignment horizontal="right"/>
    </xf>
    <xf numFmtId="0" fontId="4" fillId="0" borderId="4" xfId="2" applyFont="1" applyBorder="1" applyAlignment="1">
      <alignment horizontal="right"/>
    </xf>
    <xf numFmtId="0" fontId="3" fillId="0" borderId="0" xfId="2" applyFont="1" applyAlignment="1">
      <alignment horizontal="right"/>
    </xf>
    <xf numFmtId="0" fontId="3" fillId="0" borderId="7" xfId="2" applyFont="1" applyBorder="1" applyAlignment="1">
      <alignment horizontal="right"/>
    </xf>
    <xf numFmtId="0" fontId="3" fillId="0" borderId="9" xfId="2" applyFont="1" applyBorder="1" applyAlignment="1">
      <alignment horizontal="right"/>
    </xf>
    <xf numFmtId="0" fontId="3" fillId="0" borderId="10" xfId="2" applyFont="1" applyBorder="1" applyAlignment="1">
      <alignment horizontal="right"/>
    </xf>
    <xf numFmtId="0" fontId="3" fillId="0" borderId="11" xfId="2" applyFont="1" applyBorder="1" applyAlignment="1">
      <alignment horizontal="right"/>
    </xf>
    <xf numFmtId="0" fontId="3" fillId="0" borderId="6" xfId="2" applyFont="1" applyBorder="1" applyAlignment="1">
      <alignment horizontal="right"/>
    </xf>
    <xf numFmtId="0" fontId="3" fillId="0" borderId="0" xfId="2" applyFont="1" applyBorder="1" applyAlignment="1">
      <alignment horizontal="right"/>
    </xf>
    <xf numFmtId="0" fontId="3" fillId="0" borderId="10" xfId="2" applyFont="1" applyBorder="1" applyAlignment="1">
      <alignment horizontal="right" vertical="center"/>
    </xf>
    <xf numFmtId="0" fontId="3" fillId="0" borderId="10" xfId="2" applyFont="1" applyBorder="1" applyAlignment="1">
      <alignment horizontal="right" vertical="top"/>
    </xf>
    <xf numFmtId="0" fontId="3" fillId="0" borderId="10" xfId="2" applyFont="1" applyBorder="1" applyAlignment="1">
      <alignment horizontal="right" vertical="top" wrapText="1"/>
    </xf>
    <xf numFmtId="0" fontId="9" fillId="0" borderId="11" xfId="2" applyFont="1" applyBorder="1" applyAlignment="1">
      <alignment vertical="center"/>
    </xf>
    <xf numFmtId="0" fontId="9" fillId="0" borderId="9" xfId="2" applyFont="1" applyBorder="1" applyAlignment="1">
      <alignment vertical="center"/>
    </xf>
    <xf numFmtId="177" fontId="1" fillId="0" borderId="10" xfId="2" applyNumberFormat="1" applyFont="1" applyBorder="1" applyAlignment="1">
      <alignment vertical="top"/>
    </xf>
    <xf numFmtId="177" fontId="1" fillId="0" borderId="0" xfId="2" applyNumberFormat="1" applyFont="1" applyBorder="1" applyAlignment="1">
      <alignment vertical="top"/>
    </xf>
    <xf numFmtId="38" fontId="15" fillId="0" borderId="10" xfId="3" applyFont="1" applyBorder="1" applyAlignment="1">
      <alignment horizontal="right" vertical="top"/>
    </xf>
    <xf numFmtId="38" fontId="15" fillId="0" borderId="11" xfId="3" applyFont="1" applyBorder="1" applyAlignment="1">
      <alignment horizontal="right" vertical="top"/>
    </xf>
    <xf numFmtId="38" fontId="15" fillId="0" borderId="9" xfId="3" applyFont="1" applyBorder="1" applyAlignment="1">
      <alignment horizontal="right" vertical="top"/>
    </xf>
    <xf numFmtId="0" fontId="5" fillId="0" borderId="10" xfId="2" applyFont="1" applyBorder="1" applyAlignment="1">
      <alignment vertical="center" wrapText="1"/>
    </xf>
    <xf numFmtId="0" fontId="9" fillId="0" borderId="2" xfId="2" applyFont="1" applyBorder="1" applyAlignment="1">
      <alignment horizontal="center" vertical="center"/>
    </xf>
    <xf numFmtId="0" fontId="9" fillId="0" borderId="3" xfId="2" applyFont="1" applyBorder="1" applyAlignment="1">
      <alignment horizontal="center" vertical="center"/>
    </xf>
    <xf numFmtId="0" fontId="9" fillId="0" borderId="4" xfId="2" applyBorder="1"/>
    <xf numFmtId="38" fontId="1" fillId="0" borderId="4" xfId="3" applyFont="1" applyBorder="1" applyAlignment="1">
      <alignment vertical="top"/>
    </xf>
    <xf numFmtId="38" fontId="1" fillId="0" borderId="1" xfId="3" applyFont="1" applyBorder="1" applyAlignment="1">
      <alignment vertical="top"/>
    </xf>
    <xf numFmtId="38" fontId="15" fillId="0" borderId="4" xfId="3" applyFont="1" applyBorder="1" applyAlignment="1">
      <alignment horizontal="right" vertical="top"/>
    </xf>
    <xf numFmtId="38" fontId="15" fillId="0" borderId="2" xfId="3" applyFont="1" applyBorder="1" applyAlignment="1">
      <alignment horizontal="right" vertical="top"/>
    </xf>
    <xf numFmtId="38" fontId="15" fillId="0" borderId="3" xfId="3" applyFont="1" applyBorder="1" applyAlignment="1">
      <alignment horizontal="right" vertical="top"/>
    </xf>
    <xf numFmtId="0" fontId="9" fillId="0" borderId="7" xfId="2" applyBorder="1" applyAlignment="1">
      <alignment vertical="center"/>
    </xf>
    <xf numFmtId="0" fontId="9" fillId="0" borderId="8" xfId="2" applyFont="1" applyBorder="1" applyAlignment="1">
      <alignment vertical="center"/>
    </xf>
    <xf numFmtId="0" fontId="9" fillId="0" borderId="6" xfId="2" applyBorder="1"/>
    <xf numFmtId="177" fontId="1" fillId="0" borderId="6" xfId="2" applyNumberFormat="1" applyFont="1" applyBorder="1" applyAlignment="1">
      <alignment vertical="top" shrinkToFit="1"/>
    </xf>
    <xf numFmtId="177" fontId="1" fillId="0" borderId="6" xfId="2" applyNumberFormat="1" applyFont="1" applyBorder="1" applyAlignment="1">
      <alignment vertical="top"/>
    </xf>
    <xf numFmtId="38" fontId="1" fillId="0" borderId="6" xfId="3" applyFont="1" applyBorder="1" applyAlignment="1"/>
    <xf numFmtId="38" fontId="1" fillId="0" borderId="7" xfId="3" applyFont="1" applyBorder="1" applyAlignment="1"/>
    <xf numFmtId="38" fontId="1" fillId="0" borderId="8" xfId="3" applyFont="1" applyBorder="1" applyAlignment="1"/>
    <xf numFmtId="0" fontId="9" fillId="0" borderId="10" xfId="2" applyBorder="1" applyAlignment="1">
      <alignment vertical="center" wrapText="1"/>
    </xf>
    <xf numFmtId="0" fontId="9" fillId="0" borderId="2" xfId="2" applyBorder="1" applyAlignment="1">
      <alignment horizontal="center" vertical="center"/>
    </xf>
    <xf numFmtId="38" fontId="1" fillId="0" borderId="4" xfId="3" applyFont="1" applyBorder="1" applyAlignment="1"/>
    <xf numFmtId="38" fontId="1" fillId="0" borderId="2" xfId="3" applyFont="1" applyBorder="1" applyAlignment="1"/>
    <xf numFmtId="38" fontId="1" fillId="0" borderId="3" xfId="3" applyFont="1" applyBorder="1" applyAlignment="1"/>
    <xf numFmtId="0" fontId="5" fillId="0" borderId="6" xfId="2" applyFont="1" applyBorder="1" applyAlignment="1">
      <alignment vertical="center" wrapText="1"/>
    </xf>
    <xf numFmtId="0" fontId="5" fillId="0" borderId="6" xfId="2" applyFont="1" applyBorder="1" applyAlignment="1">
      <alignment horizontal="center" vertical="center"/>
    </xf>
    <xf numFmtId="0" fontId="5" fillId="0" borderId="4" xfId="2" applyFont="1" applyBorder="1" applyAlignment="1">
      <alignment horizontal="center" vertical="center"/>
    </xf>
    <xf numFmtId="0" fontId="5" fillId="0" borderId="4" xfId="2" applyFont="1" applyBorder="1" applyAlignment="1">
      <alignment horizontal="center" vertical="center" wrapText="1"/>
    </xf>
    <xf numFmtId="0" fontId="9" fillId="0" borderId="7" xfId="2" applyFont="1" applyBorder="1" applyAlignment="1">
      <alignment vertical="center"/>
    </xf>
    <xf numFmtId="0" fontId="9" fillId="0" borderId="7" xfId="2" applyFont="1" applyBorder="1" applyAlignment="1">
      <alignment horizontal="center" vertical="center"/>
    </xf>
    <xf numFmtId="0" fontId="9" fillId="0" borderId="12" xfId="2" applyFont="1" applyBorder="1" applyAlignment="1">
      <alignment horizontal="center" vertical="center"/>
    </xf>
    <xf numFmtId="0" fontId="9" fillId="0" borderId="8" xfId="2" applyBorder="1"/>
    <xf numFmtId="0" fontId="1" fillId="0" borderId="6" xfId="2" applyFont="1" applyBorder="1" applyAlignment="1">
      <alignment vertical="top" shrinkToFit="1"/>
    </xf>
    <xf numFmtId="38" fontId="1" fillId="0" borderId="4" xfId="3" applyFont="1" applyBorder="1" applyAlignment="1">
      <alignment shrinkToFit="1"/>
    </xf>
    <xf numFmtId="0" fontId="9" fillId="0" borderId="4" xfId="2" applyBorder="1" applyAlignment="1">
      <alignment vertical="center" wrapText="1"/>
    </xf>
    <xf numFmtId="0" fontId="5" fillId="0" borderId="0" xfId="2" applyFont="1"/>
    <xf numFmtId="0" fontId="9" fillId="0" borderId="7" xfId="2" applyBorder="1" applyAlignment="1">
      <alignment horizontal="center" vertical="center"/>
    </xf>
    <xf numFmtId="0" fontId="9" fillId="0" borderId="8" xfId="2" applyBorder="1" applyAlignment="1">
      <alignment horizontal="center" vertical="center"/>
    </xf>
    <xf numFmtId="0" fontId="9" fillId="0" borderId="11" xfId="2" applyBorder="1" applyAlignment="1">
      <alignment horizontal="center" vertical="center"/>
    </xf>
    <xf numFmtId="0" fontId="9" fillId="0" borderId="9" xfId="2" applyBorder="1" applyAlignment="1">
      <alignment horizontal="center" vertical="center"/>
    </xf>
    <xf numFmtId="0" fontId="9" fillId="0" borderId="6" xfId="2" applyBorder="1" applyAlignment="1">
      <alignment horizontal="center" vertical="center"/>
    </xf>
    <xf numFmtId="0" fontId="9" fillId="0" borderId="10" xfId="2" applyBorder="1" applyAlignment="1">
      <alignment horizontal="center" vertical="center"/>
    </xf>
    <xf numFmtId="0" fontId="9" fillId="0" borderId="6" xfId="2" applyBorder="1" applyAlignment="1">
      <alignment horizontal="center" vertical="center" wrapText="1"/>
    </xf>
    <xf numFmtId="0" fontId="9" fillId="0" borderId="10" xfId="2" applyBorder="1" applyAlignment="1">
      <alignment horizontal="center" vertical="center" wrapText="1"/>
    </xf>
    <xf numFmtId="0" fontId="4" fillId="0" borderId="6" xfId="2" applyFont="1" applyBorder="1" applyAlignment="1">
      <alignment horizontal="center" vertical="center" wrapText="1"/>
    </xf>
    <xf numFmtId="0" fontId="4" fillId="0" borderId="10" xfId="2" applyFont="1" applyBorder="1" applyAlignment="1">
      <alignment horizontal="center" vertical="center" wrapText="1"/>
    </xf>
    <xf numFmtId="0" fontId="9" fillId="0" borderId="4" xfId="2" applyBorder="1" applyAlignment="1">
      <alignment horizontal="center" vertical="center"/>
    </xf>
    <xf numFmtId="0" fontId="9" fillId="0" borderId="14" xfId="2" applyBorder="1" applyAlignment="1">
      <alignment horizontal="center" vertical="center"/>
    </xf>
    <xf numFmtId="0" fontId="9" fillId="0" borderId="5" xfId="2" applyBorder="1" applyAlignment="1">
      <alignment horizontal="center" vertical="center"/>
    </xf>
    <xf numFmtId="0" fontId="9" fillId="0" borderId="13" xfId="2" applyBorder="1" applyAlignment="1">
      <alignment horizontal="center" vertical="center"/>
    </xf>
    <xf numFmtId="0" fontId="9" fillId="0" borderId="15" xfId="2" applyBorder="1" applyAlignment="1">
      <alignment horizontal="center" vertical="center"/>
    </xf>
    <xf numFmtId="0" fontId="4" fillId="0" borderId="4" xfId="2" applyFont="1" applyBorder="1" applyAlignment="1">
      <alignment horizontal="center" vertical="center" wrapText="1"/>
    </xf>
    <xf numFmtId="0" fontId="4" fillId="0" borderId="8" xfId="2" applyFont="1" applyBorder="1" applyAlignment="1">
      <alignment horizontal="center" vertical="center" wrapText="1"/>
    </xf>
    <xf numFmtId="0" fontId="4" fillId="0" borderId="9" xfId="2" applyFont="1" applyBorder="1" applyAlignment="1">
      <alignment horizontal="center" vertical="center" wrapText="1"/>
    </xf>
    <xf numFmtId="0" fontId="4" fillId="0" borderId="3" xfId="2" applyFont="1" applyBorder="1" applyAlignment="1">
      <alignment horizontal="center" vertical="center" wrapText="1"/>
    </xf>
    <xf numFmtId="0" fontId="3" fillId="0" borderId="6" xfId="2" applyFont="1" applyBorder="1" applyAlignment="1">
      <alignment horizontal="center" vertical="top" wrapText="1"/>
    </xf>
    <xf numFmtId="0" fontId="3" fillId="0" borderId="4" xfId="2" applyFont="1" applyBorder="1" applyAlignment="1">
      <alignment horizontal="center" vertical="top" wrapText="1"/>
    </xf>
    <xf numFmtId="0" fontId="4" fillId="0" borderId="6" xfId="2" applyFont="1" applyBorder="1" applyAlignment="1">
      <alignment horizontal="center" vertical="top" wrapText="1"/>
    </xf>
    <xf numFmtId="0" fontId="4" fillId="0" borderId="4" xfId="2" applyFont="1" applyBorder="1" applyAlignment="1">
      <alignment horizontal="center" vertical="top" wrapText="1"/>
    </xf>
    <xf numFmtId="0" fontId="4" fillId="0" borderId="8" xfId="2" applyFont="1" applyBorder="1" applyAlignment="1">
      <alignment horizontal="center" vertical="top" wrapText="1"/>
    </xf>
    <xf numFmtId="0" fontId="4" fillId="0" borderId="3" xfId="2" applyFont="1" applyBorder="1" applyAlignment="1">
      <alignment horizontal="center" vertical="top" wrapText="1"/>
    </xf>
    <xf numFmtId="0" fontId="9" fillId="0" borderId="3" xfId="2" applyBorder="1" applyAlignment="1">
      <alignment horizontal="center" vertical="center"/>
    </xf>
    <xf numFmtId="0" fontId="9" fillId="0" borderId="6" xfId="2" applyBorder="1"/>
    <xf numFmtId="0" fontId="9" fillId="0" borderId="4" xfId="2" applyBorder="1"/>
    <xf numFmtId="0" fontId="3" fillId="0" borderId="6" xfId="2" applyFont="1" applyBorder="1" applyAlignment="1">
      <alignment vertical="center" wrapText="1"/>
    </xf>
    <xf numFmtId="0" fontId="3" fillId="0" borderId="4" xfId="2" applyFont="1" applyBorder="1" applyAlignment="1">
      <alignment vertical="center" wrapText="1"/>
    </xf>
    <xf numFmtId="0" fontId="6" fillId="0" borderId="4" xfId="2" applyFont="1" applyBorder="1" applyAlignment="1">
      <alignment horizontal="center" vertical="center"/>
    </xf>
    <xf numFmtId="0" fontId="9" fillId="0" borderId="10" xfId="2" applyBorder="1"/>
    <xf numFmtId="0" fontId="9" fillId="0" borderId="10" xfId="0" applyFont="1" applyBorder="1" applyAlignment="1">
      <alignment horizontal="center" vertical="center" wrapText="1"/>
    </xf>
    <xf numFmtId="0" fontId="9" fillId="0" borderId="12" xfId="2" applyBorder="1" applyAlignment="1">
      <alignment horizontal="center" vertical="center"/>
    </xf>
    <xf numFmtId="0" fontId="9" fillId="0" borderId="2" xfId="2" applyBorder="1" applyAlignment="1">
      <alignment horizontal="center" vertical="center"/>
    </xf>
    <xf numFmtId="0" fontId="9" fillId="0" borderId="1" xfId="2" applyBorder="1" applyAlignment="1">
      <alignment horizontal="center" vertical="center"/>
    </xf>
    <xf numFmtId="0" fontId="4" fillId="0" borderId="5" xfId="0" applyFont="1" applyBorder="1" applyAlignment="1">
      <alignment horizontal="center"/>
    </xf>
    <xf numFmtId="0" fontId="4" fillId="0" borderId="6" xfId="0" applyFont="1" applyBorder="1" applyAlignment="1">
      <alignment wrapText="1"/>
    </xf>
    <xf numFmtId="0" fontId="4" fillId="0" borderId="10" xfId="0" applyFont="1" applyBorder="1" applyAlignment="1">
      <alignment wrapText="1"/>
    </xf>
    <xf numFmtId="0" fontId="0" fillId="0" borderId="2" xfId="0" applyBorder="1" applyAlignment="1">
      <alignment horizontal="center"/>
    </xf>
    <xf numFmtId="0" fontId="0" fillId="0" borderId="1" xfId="0" applyBorder="1" applyAlignment="1">
      <alignment horizontal="center"/>
    </xf>
    <xf numFmtId="0" fontId="0" fillId="0" borderId="3" xfId="0" applyBorder="1" applyAlignment="1">
      <alignment horizontal="center"/>
    </xf>
    <xf numFmtId="0" fontId="0" fillId="0" borderId="7" xfId="0" applyBorder="1" applyAlignment="1">
      <alignment horizontal="center"/>
    </xf>
    <xf numFmtId="0" fontId="0" fillId="0" borderId="8" xfId="0" applyBorder="1" applyAlignment="1">
      <alignment horizontal="center"/>
    </xf>
    <xf numFmtId="0" fontId="5" fillId="0" borderId="7" xfId="0" applyFont="1" applyBorder="1" applyAlignment="1">
      <alignment horizontal="center"/>
    </xf>
    <xf numFmtId="0" fontId="5" fillId="0" borderId="8" xfId="0" applyFont="1" applyBorder="1" applyAlignment="1">
      <alignment horizontal="center"/>
    </xf>
    <xf numFmtId="0" fontId="0" fillId="0" borderId="13" xfId="0" applyBorder="1" applyAlignment="1">
      <alignment horizontal="center"/>
    </xf>
    <xf numFmtId="0" fontId="0" fillId="0" borderId="14" xfId="0" applyBorder="1" applyAlignment="1">
      <alignment horizontal="center"/>
    </xf>
    <xf numFmtId="0" fontId="4" fillId="0" borderId="6" xfId="0" applyFont="1" applyBorder="1" applyAlignment="1">
      <alignment horizontal="center" vertical="center" wrapText="1"/>
    </xf>
    <xf numFmtId="0" fontId="4" fillId="0" borderId="4" xfId="0" applyFont="1" applyBorder="1" applyAlignment="1">
      <alignment horizontal="center" vertical="center" wrapText="1"/>
    </xf>
    <xf numFmtId="0" fontId="4" fillId="0" borderId="13" xfId="0" applyFont="1" applyBorder="1" applyAlignment="1">
      <alignment horizontal="center"/>
    </xf>
    <xf numFmtId="0" fontId="4" fillId="0" borderId="15" xfId="0" applyFont="1" applyBorder="1" applyAlignment="1">
      <alignment horizontal="center"/>
    </xf>
    <xf numFmtId="0" fontId="4" fillId="0" borderId="14" xfId="0" applyFont="1" applyBorder="1" applyAlignment="1">
      <alignment horizontal="center"/>
    </xf>
    <xf numFmtId="0" fontId="0" fillId="0" borderId="15" xfId="0" applyBorder="1" applyAlignment="1">
      <alignment horizontal="center"/>
    </xf>
  </cellXfs>
  <cellStyles count="7">
    <cellStyle name="桁区切り 2" xfId="3"/>
    <cellStyle name="標準" xfId="0" builtinId="0"/>
    <cellStyle name="標準 2" xfId="4"/>
    <cellStyle name="標準 3" xfId="5"/>
    <cellStyle name="標準 4" xfId="2"/>
    <cellStyle name="標準_通信制導入促進事業様式" xfId="1"/>
    <cellStyle name="未定義" xfId="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W36"/>
  <sheetViews>
    <sheetView tabSelected="1" view="pageBreakPreview" zoomScale="80" zoomScaleNormal="100" zoomScaleSheetLayoutView="80" workbookViewId="0">
      <selection activeCell="S11" sqref="S11"/>
    </sheetView>
  </sheetViews>
  <sheetFormatPr defaultRowHeight="13.5" x14ac:dyDescent="0.15"/>
  <cols>
    <col min="1" max="1" width="11" style="31" customWidth="1"/>
    <col min="2" max="2" width="6.25" style="31" customWidth="1"/>
    <col min="3" max="3" width="9.5" style="31" customWidth="1"/>
    <col min="4" max="4" width="7.5" style="31" customWidth="1"/>
    <col min="5" max="5" width="9.25" style="31" customWidth="1"/>
    <col min="6" max="6" width="9" style="31"/>
    <col min="7" max="7" width="8.375" style="31" customWidth="1"/>
    <col min="8" max="8" width="9" style="31"/>
    <col min="9" max="9" width="5.625" style="31" customWidth="1"/>
    <col min="10" max="11" width="5.75" style="31" customWidth="1"/>
    <col min="12" max="12" width="7.625" style="31" customWidth="1"/>
    <col min="13" max="13" width="5.75" style="31" customWidth="1"/>
    <col min="14" max="14" width="6.625" style="31" customWidth="1"/>
    <col min="15" max="15" width="5.5" style="31" customWidth="1"/>
    <col min="16" max="16" width="6" style="31" customWidth="1"/>
    <col min="17" max="17" width="6.625" style="31" customWidth="1"/>
    <col min="18" max="19" width="7.5" style="31" customWidth="1"/>
    <col min="20" max="20" width="8" style="31" customWidth="1"/>
    <col min="21" max="21" width="7.375" style="31" customWidth="1"/>
    <col min="22" max="22" width="8.5" style="31" customWidth="1"/>
    <col min="23" max="23" width="6.625" style="31" customWidth="1"/>
    <col min="24" max="256" width="9" style="31"/>
    <col min="257" max="257" width="11" style="31" customWidth="1"/>
    <col min="258" max="258" width="6.25" style="31" customWidth="1"/>
    <col min="259" max="259" width="9.5" style="31" customWidth="1"/>
    <col min="260" max="260" width="7.5" style="31" customWidth="1"/>
    <col min="261" max="261" width="9.25" style="31" customWidth="1"/>
    <col min="262" max="262" width="9" style="31"/>
    <col min="263" max="263" width="8.375" style="31" customWidth="1"/>
    <col min="264" max="264" width="9" style="31"/>
    <col min="265" max="265" width="5.625" style="31" customWidth="1"/>
    <col min="266" max="267" width="5.75" style="31" customWidth="1"/>
    <col min="268" max="268" width="7.625" style="31" customWidth="1"/>
    <col min="269" max="269" width="5.75" style="31" customWidth="1"/>
    <col min="270" max="270" width="6.625" style="31" customWidth="1"/>
    <col min="271" max="271" width="5.5" style="31" customWidth="1"/>
    <col min="272" max="272" width="6" style="31" customWidth="1"/>
    <col min="273" max="273" width="6.625" style="31" customWidth="1"/>
    <col min="274" max="275" width="7.5" style="31" customWidth="1"/>
    <col min="276" max="276" width="8" style="31" customWidth="1"/>
    <col min="277" max="277" width="7.375" style="31" customWidth="1"/>
    <col min="278" max="278" width="8.5" style="31" customWidth="1"/>
    <col min="279" max="279" width="6.625" style="31" customWidth="1"/>
    <col min="280" max="512" width="9" style="31"/>
    <col min="513" max="513" width="11" style="31" customWidth="1"/>
    <col min="514" max="514" width="6.25" style="31" customWidth="1"/>
    <col min="515" max="515" width="9.5" style="31" customWidth="1"/>
    <col min="516" max="516" width="7.5" style="31" customWidth="1"/>
    <col min="517" max="517" width="9.25" style="31" customWidth="1"/>
    <col min="518" max="518" width="9" style="31"/>
    <col min="519" max="519" width="8.375" style="31" customWidth="1"/>
    <col min="520" max="520" width="9" style="31"/>
    <col min="521" max="521" width="5.625" style="31" customWidth="1"/>
    <col min="522" max="523" width="5.75" style="31" customWidth="1"/>
    <col min="524" max="524" width="7.625" style="31" customWidth="1"/>
    <col min="525" max="525" width="5.75" style="31" customWidth="1"/>
    <col min="526" max="526" width="6.625" style="31" customWidth="1"/>
    <col min="527" max="527" width="5.5" style="31" customWidth="1"/>
    <col min="528" max="528" width="6" style="31" customWidth="1"/>
    <col min="529" max="529" width="6.625" style="31" customWidth="1"/>
    <col min="530" max="531" width="7.5" style="31" customWidth="1"/>
    <col min="532" max="532" width="8" style="31" customWidth="1"/>
    <col min="533" max="533" width="7.375" style="31" customWidth="1"/>
    <col min="534" max="534" width="8.5" style="31" customWidth="1"/>
    <col min="535" max="535" width="6.625" style="31" customWidth="1"/>
    <col min="536" max="768" width="9" style="31"/>
    <col min="769" max="769" width="11" style="31" customWidth="1"/>
    <col min="770" max="770" width="6.25" style="31" customWidth="1"/>
    <col min="771" max="771" width="9.5" style="31" customWidth="1"/>
    <col min="772" max="772" width="7.5" style="31" customWidth="1"/>
    <col min="773" max="773" width="9.25" style="31" customWidth="1"/>
    <col min="774" max="774" width="9" style="31"/>
    <col min="775" max="775" width="8.375" style="31" customWidth="1"/>
    <col min="776" max="776" width="9" style="31"/>
    <col min="777" max="777" width="5.625" style="31" customWidth="1"/>
    <col min="778" max="779" width="5.75" style="31" customWidth="1"/>
    <col min="780" max="780" width="7.625" style="31" customWidth="1"/>
    <col min="781" max="781" width="5.75" style="31" customWidth="1"/>
    <col min="782" max="782" width="6.625" style="31" customWidth="1"/>
    <col min="783" max="783" width="5.5" style="31" customWidth="1"/>
    <col min="784" max="784" width="6" style="31" customWidth="1"/>
    <col min="785" max="785" width="6.625" style="31" customWidth="1"/>
    <col min="786" max="787" width="7.5" style="31" customWidth="1"/>
    <col min="788" max="788" width="8" style="31" customWidth="1"/>
    <col min="789" max="789" width="7.375" style="31" customWidth="1"/>
    <col min="790" max="790" width="8.5" style="31" customWidth="1"/>
    <col min="791" max="791" width="6.625" style="31" customWidth="1"/>
    <col min="792" max="1024" width="9" style="31"/>
    <col min="1025" max="1025" width="11" style="31" customWidth="1"/>
    <col min="1026" max="1026" width="6.25" style="31" customWidth="1"/>
    <col min="1027" max="1027" width="9.5" style="31" customWidth="1"/>
    <col min="1028" max="1028" width="7.5" style="31" customWidth="1"/>
    <col min="1029" max="1029" width="9.25" style="31" customWidth="1"/>
    <col min="1030" max="1030" width="9" style="31"/>
    <col min="1031" max="1031" width="8.375" style="31" customWidth="1"/>
    <col min="1032" max="1032" width="9" style="31"/>
    <col min="1033" max="1033" width="5.625" style="31" customWidth="1"/>
    <col min="1034" max="1035" width="5.75" style="31" customWidth="1"/>
    <col min="1036" max="1036" width="7.625" style="31" customWidth="1"/>
    <col min="1037" max="1037" width="5.75" style="31" customWidth="1"/>
    <col min="1038" max="1038" width="6.625" style="31" customWidth="1"/>
    <col min="1039" max="1039" width="5.5" style="31" customWidth="1"/>
    <col min="1040" max="1040" width="6" style="31" customWidth="1"/>
    <col min="1041" max="1041" width="6.625" style="31" customWidth="1"/>
    <col min="1042" max="1043" width="7.5" style="31" customWidth="1"/>
    <col min="1044" max="1044" width="8" style="31" customWidth="1"/>
    <col min="1045" max="1045" width="7.375" style="31" customWidth="1"/>
    <col min="1046" max="1046" width="8.5" style="31" customWidth="1"/>
    <col min="1047" max="1047" width="6.625" style="31" customWidth="1"/>
    <col min="1048" max="1280" width="9" style="31"/>
    <col min="1281" max="1281" width="11" style="31" customWidth="1"/>
    <col min="1282" max="1282" width="6.25" style="31" customWidth="1"/>
    <col min="1283" max="1283" width="9.5" style="31" customWidth="1"/>
    <col min="1284" max="1284" width="7.5" style="31" customWidth="1"/>
    <col min="1285" max="1285" width="9.25" style="31" customWidth="1"/>
    <col min="1286" max="1286" width="9" style="31"/>
    <col min="1287" max="1287" width="8.375" style="31" customWidth="1"/>
    <col min="1288" max="1288" width="9" style="31"/>
    <col min="1289" max="1289" width="5.625" style="31" customWidth="1"/>
    <col min="1290" max="1291" width="5.75" style="31" customWidth="1"/>
    <col min="1292" max="1292" width="7.625" style="31" customWidth="1"/>
    <col min="1293" max="1293" width="5.75" style="31" customWidth="1"/>
    <col min="1294" max="1294" width="6.625" style="31" customWidth="1"/>
    <col min="1295" max="1295" width="5.5" style="31" customWidth="1"/>
    <col min="1296" max="1296" width="6" style="31" customWidth="1"/>
    <col min="1297" max="1297" width="6.625" style="31" customWidth="1"/>
    <col min="1298" max="1299" width="7.5" style="31" customWidth="1"/>
    <col min="1300" max="1300" width="8" style="31" customWidth="1"/>
    <col min="1301" max="1301" width="7.375" style="31" customWidth="1"/>
    <col min="1302" max="1302" width="8.5" style="31" customWidth="1"/>
    <col min="1303" max="1303" width="6.625" style="31" customWidth="1"/>
    <col min="1304" max="1536" width="9" style="31"/>
    <col min="1537" max="1537" width="11" style="31" customWidth="1"/>
    <col min="1538" max="1538" width="6.25" style="31" customWidth="1"/>
    <col min="1539" max="1539" width="9.5" style="31" customWidth="1"/>
    <col min="1540" max="1540" width="7.5" style="31" customWidth="1"/>
    <col min="1541" max="1541" width="9.25" style="31" customWidth="1"/>
    <col min="1542" max="1542" width="9" style="31"/>
    <col min="1543" max="1543" width="8.375" style="31" customWidth="1"/>
    <col min="1544" max="1544" width="9" style="31"/>
    <col min="1545" max="1545" width="5.625" style="31" customWidth="1"/>
    <col min="1546" max="1547" width="5.75" style="31" customWidth="1"/>
    <col min="1548" max="1548" width="7.625" style="31" customWidth="1"/>
    <col min="1549" max="1549" width="5.75" style="31" customWidth="1"/>
    <col min="1550" max="1550" width="6.625" style="31" customWidth="1"/>
    <col min="1551" max="1551" width="5.5" style="31" customWidth="1"/>
    <col min="1552" max="1552" width="6" style="31" customWidth="1"/>
    <col min="1553" max="1553" width="6.625" style="31" customWidth="1"/>
    <col min="1554" max="1555" width="7.5" style="31" customWidth="1"/>
    <col min="1556" max="1556" width="8" style="31" customWidth="1"/>
    <col min="1557" max="1557" width="7.375" style="31" customWidth="1"/>
    <col min="1558" max="1558" width="8.5" style="31" customWidth="1"/>
    <col min="1559" max="1559" width="6.625" style="31" customWidth="1"/>
    <col min="1560" max="1792" width="9" style="31"/>
    <col min="1793" max="1793" width="11" style="31" customWidth="1"/>
    <col min="1794" max="1794" width="6.25" style="31" customWidth="1"/>
    <col min="1795" max="1795" width="9.5" style="31" customWidth="1"/>
    <col min="1796" max="1796" width="7.5" style="31" customWidth="1"/>
    <col min="1797" max="1797" width="9.25" style="31" customWidth="1"/>
    <col min="1798" max="1798" width="9" style="31"/>
    <col min="1799" max="1799" width="8.375" style="31" customWidth="1"/>
    <col min="1800" max="1800" width="9" style="31"/>
    <col min="1801" max="1801" width="5.625" style="31" customWidth="1"/>
    <col min="1802" max="1803" width="5.75" style="31" customWidth="1"/>
    <col min="1804" max="1804" width="7.625" style="31" customWidth="1"/>
    <col min="1805" max="1805" width="5.75" style="31" customWidth="1"/>
    <col min="1806" max="1806" width="6.625" style="31" customWidth="1"/>
    <col min="1807" max="1807" width="5.5" style="31" customWidth="1"/>
    <col min="1808" max="1808" width="6" style="31" customWidth="1"/>
    <col min="1809" max="1809" width="6.625" style="31" customWidth="1"/>
    <col min="1810" max="1811" width="7.5" style="31" customWidth="1"/>
    <col min="1812" max="1812" width="8" style="31" customWidth="1"/>
    <col min="1813" max="1813" width="7.375" style="31" customWidth="1"/>
    <col min="1814" max="1814" width="8.5" style="31" customWidth="1"/>
    <col min="1815" max="1815" width="6.625" style="31" customWidth="1"/>
    <col min="1816" max="2048" width="9" style="31"/>
    <col min="2049" max="2049" width="11" style="31" customWidth="1"/>
    <col min="2050" max="2050" width="6.25" style="31" customWidth="1"/>
    <col min="2051" max="2051" width="9.5" style="31" customWidth="1"/>
    <col min="2052" max="2052" width="7.5" style="31" customWidth="1"/>
    <col min="2053" max="2053" width="9.25" style="31" customWidth="1"/>
    <col min="2054" max="2054" width="9" style="31"/>
    <col min="2055" max="2055" width="8.375" style="31" customWidth="1"/>
    <col min="2056" max="2056" width="9" style="31"/>
    <col min="2057" max="2057" width="5.625" style="31" customWidth="1"/>
    <col min="2058" max="2059" width="5.75" style="31" customWidth="1"/>
    <col min="2060" max="2060" width="7.625" style="31" customWidth="1"/>
    <col min="2061" max="2061" width="5.75" style="31" customWidth="1"/>
    <col min="2062" max="2062" width="6.625" style="31" customWidth="1"/>
    <col min="2063" max="2063" width="5.5" style="31" customWidth="1"/>
    <col min="2064" max="2064" width="6" style="31" customWidth="1"/>
    <col min="2065" max="2065" width="6.625" style="31" customWidth="1"/>
    <col min="2066" max="2067" width="7.5" style="31" customWidth="1"/>
    <col min="2068" max="2068" width="8" style="31" customWidth="1"/>
    <col min="2069" max="2069" width="7.375" style="31" customWidth="1"/>
    <col min="2070" max="2070" width="8.5" style="31" customWidth="1"/>
    <col min="2071" max="2071" width="6.625" style="31" customWidth="1"/>
    <col min="2072" max="2304" width="9" style="31"/>
    <col min="2305" max="2305" width="11" style="31" customWidth="1"/>
    <col min="2306" max="2306" width="6.25" style="31" customWidth="1"/>
    <col min="2307" max="2307" width="9.5" style="31" customWidth="1"/>
    <col min="2308" max="2308" width="7.5" style="31" customWidth="1"/>
    <col min="2309" max="2309" width="9.25" style="31" customWidth="1"/>
    <col min="2310" max="2310" width="9" style="31"/>
    <col min="2311" max="2311" width="8.375" style="31" customWidth="1"/>
    <col min="2312" max="2312" width="9" style="31"/>
    <col min="2313" max="2313" width="5.625" style="31" customWidth="1"/>
    <col min="2314" max="2315" width="5.75" style="31" customWidth="1"/>
    <col min="2316" max="2316" width="7.625" style="31" customWidth="1"/>
    <col min="2317" max="2317" width="5.75" style="31" customWidth="1"/>
    <col min="2318" max="2318" width="6.625" style="31" customWidth="1"/>
    <col min="2319" max="2319" width="5.5" style="31" customWidth="1"/>
    <col min="2320" max="2320" width="6" style="31" customWidth="1"/>
    <col min="2321" max="2321" width="6.625" style="31" customWidth="1"/>
    <col min="2322" max="2323" width="7.5" style="31" customWidth="1"/>
    <col min="2324" max="2324" width="8" style="31" customWidth="1"/>
    <col min="2325" max="2325" width="7.375" style="31" customWidth="1"/>
    <col min="2326" max="2326" width="8.5" style="31" customWidth="1"/>
    <col min="2327" max="2327" width="6.625" style="31" customWidth="1"/>
    <col min="2328" max="2560" width="9" style="31"/>
    <col min="2561" max="2561" width="11" style="31" customWidth="1"/>
    <col min="2562" max="2562" width="6.25" style="31" customWidth="1"/>
    <col min="2563" max="2563" width="9.5" style="31" customWidth="1"/>
    <col min="2564" max="2564" width="7.5" style="31" customWidth="1"/>
    <col min="2565" max="2565" width="9.25" style="31" customWidth="1"/>
    <col min="2566" max="2566" width="9" style="31"/>
    <col min="2567" max="2567" width="8.375" style="31" customWidth="1"/>
    <col min="2568" max="2568" width="9" style="31"/>
    <col min="2569" max="2569" width="5.625" style="31" customWidth="1"/>
    <col min="2570" max="2571" width="5.75" style="31" customWidth="1"/>
    <col min="2572" max="2572" width="7.625" style="31" customWidth="1"/>
    <col min="2573" max="2573" width="5.75" style="31" customWidth="1"/>
    <col min="2574" max="2574" width="6.625" style="31" customWidth="1"/>
    <col min="2575" max="2575" width="5.5" style="31" customWidth="1"/>
    <col min="2576" max="2576" width="6" style="31" customWidth="1"/>
    <col min="2577" max="2577" width="6.625" style="31" customWidth="1"/>
    <col min="2578" max="2579" width="7.5" style="31" customWidth="1"/>
    <col min="2580" max="2580" width="8" style="31" customWidth="1"/>
    <col min="2581" max="2581" width="7.375" style="31" customWidth="1"/>
    <col min="2582" max="2582" width="8.5" style="31" customWidth="1"/>
    <col min="2583" max="2583" width="6.625" style="31" customWidth="1"/>
    <col min="2584" max="2816" width="9" style="31"/>
    <col min="2817" max="2817" width="11" style="31" customWidth="1"/>
    <col min="2818" max="2818" width="6.25" style="31" customWidth="1"/>
    <col min="2819" max="2819" width="9.5" style="31" customWidth="1"/>
    <col min="2820" max="2820" width="7.5" style="31" customWidth="1"/>
    <col min="2821" max="2821" width="9.25" style="31" customWidth="1"/>
    <col min="2822" max="2822" width="9" style="31"/>
    <col min="2823" max="2823" width="8.375" style="31" customWidth="1"/>
    <col min="2824" max="2824" width="9" style="31"/>
    <col min="2825" max="2825" width="5.625" style="31" customWidth="1"/>
    <col min="2826" max="2827" width="5.75" style="31" customWidth="1"/>
    <col min="2828" max="2828" width="7.625" style="31" customWidth="1"/>
    <col min="2829" max="2829" width="5.75" style="31" customWidth="1"/>
    <col min="2830" max="2830" width="6.625" style="31" customWidth="1"/>
    <col min="2831" max="2831" width="5.5" style="31" customWidth="1"/>
    <col min="2832" max="2832" width="6" style="31" customWidth="1"/>
    <col min="2833" max="2833" width="6.625" style="31" customWidth="1"/>
    <col min="2834" max="2835" width="7.5" style="31" customWidth="1"/>
    <col min="2836" max="2836" width="8" style="31" customWidth="1"/>
    <col min="2837" max="2837" width="7.375" style="31" customWidth="1"/>
    <col min="2838" max="2838" width="8.5" style="31" customWidth="1"/>
    <col min="2839" max="2839" width="6.625" style="31" customWidth="1"/>
    <col min="2840" max="3072" width="9" style="31"/>
    <col min="3073" max="3073" width="11" style="31" customWidth="1"/>
    <col min="3074" max="3074" width="6.25" style="31" customWidth="1"/>
    <col min="3075" max="3075" width="9.5" style="31" customWidth="1"/>
    <col min="3076" max="3076" width="7.5" style="31" customWidth="1"/>
    <col min="3077" max="3077" width="9.25" style="31" customWidth="1"/>
    <col min="3078" max="3078" width="9" style="31"/>
    <col min="3079" max="3079" width="8.375" style="31" customWidth="1"/>
    <col min="3080" max="3080" width="9" style="31"/>
    <col min="3081" max="3081" width="5.625" style="31" customWidth="1"/>
    <col min="3082" max="3083" width="5.75" style="31" customWidth="1"/>
    <col min="3084" max="3084" width="7.625" style="31" customWidth="1"/>
    <col min="3085" max="3085" width="5.75" style="31" customWidth="1"/>
    <col min="3086" max="3086" width="6.625" style="31" customWidth="1"/>
    <col min="3087" max="3087" width="5.5" style="31" customWidth="1"/>
    <col min="3088" max="3088" width="6" style="31" customWidth="1"/>
    <col min="3089" max="3089" width="6.625" style="31" customWidth="1"/>
    <col min="3090" max="3091" width="7.5" style="31" customWidth="1"/>
    <col min="3092" max="3092" width="8" style="31" customWidth="1"/>
    <col min="3093" max="3093" width="7.375" style="31" customWidth="1"/>
    <col min="3094" max="3094" width="8.5" style="31" customWidth="1"/>
    <col min="3095" max="3095" width="6.625" style="31" customWidth="1"/>
    <col min="3096" max="3328" width="9" style="31"/>
    <col min="3329" max="3329" width="11" style="31" customWidth="1"/>
    <col min="3330" max="3330" width="6.25" style="31" customWidth="1"/>
    <col min="3331" max="3331" width="9.5" style="31" customWidth="1"/>
    <col min="3332" max="3332" width="7.5" style="31" customWidth="1"/>
    <col min="3333" max="3333" width="9.25" style="31" customWidth="1"/>
    <col min="3334" max="3334" width="9" style="31"/>
    <col min="3335" max="3335" width="8.375" style="31" customWidth="1"/>
    <col min="3336" max="3336" width="9" style="31"/>
    <col min="3337" max="3337" width="5.625" style="31" customWidth="1"/>
    <col min="3338" max="3339" width="5.75" style="31" customWidth="1"/>
    <col min="3340" max="3340" width="7.625" style="31" customWidth="1"/>
    <col min="3341" max="3341" width="5.75" style="31" customWidth="1"/>
    <col min="3342" max="3342" width="6.625" style="31" customWidth="1"/>
    <col min="3343" max="3343" width="5.5" style="31" customWidth="1"/>
    <col min="3344" max="3344" width="6" style="31" customWidth="1"/>
    <col min="3345" max="3345" width="6.625" style="31" customWidth="1"/>
    <col min="3346" max="3347" width="7.5" style="31" customWidth="1"/>
    <col min="3348" max="3348" width="8" style="31" customWidth="1"/>
    <col min="3349" max="3349" width="7.375" style="31" customWidth="1"/>
    <col min="3350" max="3350" width="8.5" style="31" customWidth="1"/>
    <col min="3351" max="3351" width="6.625" style="31" customWidth="1"/>
    <col min="3352" max="3584" width="9" style="31"/>
    <col min="3585" max="3585" width="11" style="31" customWidth="1"/>
    <col min="3586" max="3586" width="6.25" style="31" customWidth="1"/>
    <col min="3587" max="3587" width="9.5" style="31" customWidth="1"/>
    <col min="3588" max="3588" width="7.5" style="31" customWidth="1"/>
    <col min="3589" max="3589" width="9.25" style="31" customWidth="1"/>
    <col min="3590" max="3590" width="9" style="31"/>
    <col min="3591" max="3591" width="8.375" style="31" customWidth="1"/>
    <col min="3592" max="3592" width="9" style="31"/>
    <col min="3593" max="3593" width="5.625" style="31" customWidth="1"/>
    <col min="3594" max="3595" width="5.75" style="31" customWidth="1"/>
    <col min="3596" max="3596" width="7.625" style="31" customWidth="1"/>
    <col min="3597" max="3597" width="5.75" style="31" customWidth="1"/>
    <col min="3598" max="3598" width="6.625" style="31" customWidth="1"/>
    <col min="3599" max="3599" width="5.5" style="31" customWidth="1"/>
    <col min="3600" max="3600" width="6" style="31" customWidth="1"/>
    <col min="3601" max="3601" width="6.625" style="31" customWidth="1"/>
    <col min="3602" max="3603" width="7.5" style="31" customWidth="1"/>
    <col min="3604" max="3604" width="8" style="31" customWidth="1"/>
    <col min="3605" max="3605" width="7.375" style="31" customWidth="1"/>
    <col min="3606" max="3606" width="8.5" style="31" customWidth="1"/>
    <col min="3607" max="3607" width="6.625" style="31" customWidth="1"/>
    <col min="3608" max="3840" width="9" style="31"/>
    <col min="3841" max="3841" width="11" style="31" customWidth="1"/>
    <col min="3842" max="3842" width="6.25" style="31" customWidth="1"/>
    <col min="3843" max="3843" width="9.5" style="31" customWidth="1"/>
    <col min="3844" max="3844" width="7.5" style="31" customWidth="1"/>
    <col min="3845" max="3845" width="9.25" style="31" customWidth="1"/>
    <col min="3846" max="3846" width="9" style="31"/>
    <col min="3847" max="3847" width="8.375" style="31" customWidth="1"/>
    <col min="3848" max="3848" width="9" style="31"/>
    <col min="3849" max="3849" width="5.625" style="31" customWidth="1"/>
    <col min="3850" max="3851" width="5.75" style="31" customWidth="1"/>
    <col min="3852" max="3852" width="7.625" style="31" customWidth="1"/>
    <col min="3853" max="3853" width="5.75" style="31" customWidth="1"/>
    <col min="3854" max="3854" width="6.625" style="31" customWidth="1"/>
    <col min="3855" max="3855" width="5.5" style="31" customWidth="1"/>
    <col min="3856" max="3856" width="6" style="31" customWidth="1"/>
    <col min="3857" max="3857" width="6.625" style="31" customWidth="1"/>
    <col min="3858" max="3859" width="7.5" style="31" customWidth="1"/>
    <col min="3860" max="3860" width="8" style="31" customWidth="1"/>
    <col min="3861" max="3861" width="7.375" style="31" customWidth="1"/>
    <col min="3862" max="3862" width="8.5" style="31" customWidth="1"/>
    <col min="3863" max="3863" width="6.625" style="31" customWidth="1"/>
    <col min="3864" max="4096" width="9" style="31"/>
    <col min="4097" max="4097" width="11" style="31" customWidth="1"/>
    <col min="4098" max="4098" width="6.25" style="31" customWidth="1"/>
    <col min="4099" max="4099" width="9.5" style="31" customWidth="1"/>
    <col min="4100" max="4100" width="7.5" style="31" customWidth="1"/>
    <col min="4101" max="4101" width="9.25" style="31" customWidth="1"/>
    <col min="4102" max="4102" width="9" style="31"/>
    <col min="4103" max="4103" width="8.375" style="31" customWidth="1"/>
    <col min="4104" max="4104" width="9" style="31"/>
    <col min="4105" max="4105" width="5.625" style="31" customWidth="1"/>
    <col min="4106" max="4107" width="5.75" style="31" customWidth="1"/>
    <col min="4108" max="4108" width="7.625" style="31" customWidth="1"/>
    <col min="4109" max="4109" width="5.75" style="31" customWidth="1"/>
    <col min="4110" max="4110" width="6.625" style="31" customWidth="1"/>
    <col min="4111" max="4111" width="5.5" style="31" customWidth="1"/>
    <col min="4112" max="4112" width="6" style="31" customWidth="1"/>
    <col min="4113" max="4113" width="6.625" style="31" customWidth="1"/>
    <col min="4114" max="4115" width="7.5" style="31" customWidth="1"/>
    <col min="4116" max="4116" width="8" style="31" customWidth="1"/>
    <col min="4117" max="4117" width="7.375" style="31" customWidth="1"/>
    <col min="4118" max="4118" width="8.5" style="31" customWidth="1"/>
    <col min="4119" max="4119" width="6.625" style="31" customWidth="1"/>
    <col min="4120" max="4352" width="9" style="31"/>
    <col min="4353" max="4353" width="11" style="31" customWidth="1"/>
    <col min="4354" max="4354" width="6.25" style="31" customWidth="1"/>
    <col min="4355" max="4355" width="9.5" style="31" customWidth="1"/>
    <col min="4356" max="4356" width="7.5" style="31" customWidth="1"/>
    <col min="4357" max="4357" width="9.25" style="31" customWidth="1"/>
    <col min="4358" max="4358" width="9" style="31"/>
    <col min="4359" max="4359" width="8.375" style="31" customWidth="1"/>
    <col min="4360" max="4360" width="9" style="31"/>
    <col min="4361" max="4361" width="5.625" style="31" customWidth="1"/>
    <col min="4362" max="4363" width="5.75" style="31" customWidth="1"/>
    <col min="4364" max="4364" width="7.625" style="31" customWidth="1"/>
    <col min="4365" max="4365" width="5.75" style="31" customWidth="1"/>
    <col min="4366" max="4366" width="6.625" style="31" customWidth="1"/>
    <col min="4367" max="4367" width="5.5" style="31" customWidth="1"/>
    <col min="4368" max="4368" width="6" style="31" customWidth="1"/>
    <col min="4369" max="4369" width="6.625" style="31" customWidth="1"/>
    <col min="4370" max="4371" width="7.5" style="31" customWidth="1"/>
    <col min="4372" max="4372" width="8" style="31" customWidth="1"/>
    <col min="4373" max="4373" width="7.375" style="31" customWidth="1"/>
    <col min="4374" max="4374" width="8.5" style="31" customWidth="1"/>
    <col min="4375" max="4375" width="6.625" style="31" customWidth="1"/>
    <col min="4376" max="4608" width="9" style="31"/>
    <col min="4609" max="4609" width="11" style="31" customWidth="1"/>
    <col min="4610" max="4610" width="6.25" style="31" customWidth="1"/>
    <col min="4611" max="4611" width="9.5" style="31" customWidth="1"/>
    <col min="4612" max="4612" width="7.5" style="31" customWidth="1"/>
    <col min="4613" max="4613" width="9.25" style="31" customWidth="1"/>
    <col min="4614" max="4614" width="9" style="31"/>
    <col min="4615" max="4615" width="8.375" style="31" customWidth="1"/>
    <col min="4616" max="4616" width="9" style="31"/>
    <col min="4617" max="4617" width="5.625" style="31" customWidth="1"/>
    <col min="4618" max="4619" width="5.75" style="31" customWidth="1"/>
    <col min="4620" max="4620" width="7.625" style="31" customWidth="1"/>
    <col min="4621" max="4621" width="5.75" style="31" customWidth="1"/>
    <col min="4622" max="4622" width="6.625" style="31" customWidth="1"/>
    <col min="4623" max="4623" width="5.5" style="31" customWidth="1"/>
    <col min="4624" max="4624" width="6" style="31" customWidth="1"/>
    <col min="4625" max="4625" width="6.625" style="31" customWidth="1"/>
    <col min="4626" max="4627" width="7.5" style="31" customWidth="1"/>
    <col min="4628" max="4628" width="8" style="31" customWidth="1"/>
    <col min="4629" max="4629" width="7.375" style="31" customWidth="1"/>
    <col min="4630" max="4630" width="8.5" style="31" customWidth="1"/>
    <col min="4631" max="4631" width="6.625" style="31" customWidth="1"/>
    <col min="4632" max="4864" width="9" style="31"/>
    <col min="4865" max="4865" width="11" style="31" customWidth="1"/>
    <col min="4866" max="4866" width="6.25" style="31" customWidth="1"/>
    <col min="4867" max="4867" width="9.5" style="31" customWidth="1"/>
    <col min="4868" max="4868" width="7.5" style="31" customWidth="1"/>
    <col min="4869" max="4869" width="9.25" style="31" customWidth="1"/>
    <col min="4870" max="4870" width="9" style="31"/>
    <col min="4871" max="4871" width="8.375" style="31" customWidth="1"/>
    <col min="4872" max="4872" width="9" style="31"/>
    <col min="4873" max="4873" width="5.625" style="31" customWidth="1"/>
    <col min="4874" max="4875" width="5.75" style="31" customWidth="1"/>
    <col min="4876" max="4876" width="7.625" style="31" customWidth="1"/>
    <col min="4877" max="4877" width="5.75" style="31" customWidth="1"/>
    <col min="4878" max="4878" width="6.625" style="31" customWidth="1"/>
    <col min="4879" max="4879" width="5.5" style="31" customWidth="1"/>
    <col min="4880" max="4880" width="6" style="31" customWidth="1"/>
    <col min="4881" max="4881" width="6.625" style="31" customWidth="1"/>
    <col min="4882" max="4883" width="7.5" style="31" customWidth="1"/>
    <col min="4884" max="4884" width="8" style="31" customWidth="1"/>
    <col min="4885" max="4885" width="7.375" style="31" customWidth="1"/>
    <col min="4886" max="4886" width="8.5" style="31" customWidth="1"/>
    <col min="4887" max="4887" width="6.625" style="31" customWidth="1"/>
    <col min="4888" max="5120" width="9" style="31"/>
    <col min="5121" max="5121" width="11" style="31" customWidth="1"/>
    <col min="5122" max="5122" width="6.25" style="31" customWidth="1"/>
    <col min="5123" max="5123" width="9.5" style="31" customWidth="1"/>
    <col min="5124" max="5124" width="7.5" style="31" customWidth="1"/>
    <col min="5125" max="5125" width="9.25" style="31" customWidth="1"/>
    <col min="5126" max="5126" width="9" style="31"/>
    <col min="5127" max="5127" width="8.375" style="31" customWidth="1"/>
    <col min="5128" max="5128" width="9" style="31"/>
    <col min="5129" max="5129" width="5.625" style="31" customWidth="1"/>
    <col min="5130" max="5131" width="5.75" style="31" customWidth="1"/>
    <col min="5132" max="5132" width="7.625" style="31" customWidth="1"/>
    <col min="5133" max="5133" width="5.75" style="31" customWidth="1"/>
    <col min="5134" max="5134" width="6.625" style="31" customWidth="1"/>
    <col min="5135" max="5135" width="5.5" style="31" customWidth="1"/>
    <col min="5136" max="5136" width="6" style="31" customWidth="1"/>
    <col min="5137" max="5137" width="6.625" style="31" customWidth="1"/>
    <col min="5138" max="5139" width="7.5" style="31" customWidth="1"/>
    <col min="5140" max="5140" width="8" style="31" customWidth="1"/>
    <col min="5141" max="5141" width="7.375" style="31" customWidth="1"/>
    <col min="5142" max="5142" width="8.5" style="31" customWidth="1"/>
    <col min="5143" max="5143" width="6.625" style="31" customWidth="1"/>
    <col min="5144" max="5376" width="9" style="31"/>
    <col min="5377" max="5377" width="11" style="31" customWidth="1"/>
    <col min="5378" max="5378" width="6.25" style="31" customWidth="1"/>
    <col min="5379" max="5379" width="9.5" style="31" customWidth="1"/>
    <col min="5380" max="5380" width="7.5" style="31" customWidth="1"/>
    <col min="5381" max="5381" width="9.25" style="31" customWidth="1"/>
    <col min="5382" max="5382" width="9" style="31"/>
    <col min="5383" max="5383" width="8.375" style="31" customWidth="1"/>
    <col min="5384" max="5384" width="9" style="31"/>
    <col min="5385" max="5385" width="5.625" style="31" customWidth="1"/>
    <col min="5386" max="5387" width="5.75" style="31" customWidth="1"/>
    <col min="5388" max="5388" width="7.625" style="31" customWidth="1"/>
    <col min="5389" max="5389" width="5.75" style="31" customWidth="1"/>
    <col min="5390" max="5390" width="6.625" style="31" customWidth="1"/>
    <col min="5391" max="5391" width="5.5" style="31" customWidth="1"/>
    <col min="5392" max="5392" width="6" style="31" customWidth="1"/>
    <col min="5393" max="5393" width="6.625" style="31" customWidth="1"/>
    <col min="5394" max="5395" width="7.5" style="31" customWidth="1"/>
    <col min="5396" max="5396" width="8" style="31" customWidth="1"/>
    <col min="5397" max="5397" width="7.375" style="31" customWidth="1"/>
    <col min="5398" max="5398" width="8.5" style="31" customWidth="1"/>
    <col min="5399" max="5399" width="6.625" style="31" customWidth="1"/>
    <col min="5400" max="5632" width="9" style="31"/>
    <col min="5633" max="5633" width="11" style="31" customWidth="1"/>
    <col min="5634" max="5634" width="6.25" style="31" customWidth="1"/>
    <col min="5635" max="5635" width="9.5" style="31" customWidth="1"/>
    <col min="5636" max="5636" width="7.5" style="31" customWidth="1"/>
    <col min="5637" max="5637" width="9.25" style="31" customWidth="1"/>
    <col min="5638" max="5638" width="9" style="31"/>
    <col min="5639" max="5639" width="8.375" style="31" customWidth="1"/>
    <col min="5640" max="5640" width="9" style="31"/>
    <col min="5641" max="5641" width="5.625" style="31" customWidth="1"/>
    <col min="5642" max="5643" width="5.75" style="31" customWidth="1"/>
    <col min="5644" max="5644" width="7.625" style="31" customWidth="1"/>
    <col min="5645" max="5645" width="5.75" style="31" customWidth="1"/>
    <col min="5646" max="5646" width="6.625" style="31" customWidth="1"/>
    <col min="5647" max="5647" width="5.5" style="31" customWidth="1"/>
    <col min="5648" max="5648" width="6" style="31" customWidth="1"/>
    <col min="5649" max="5649" width="6.625" style="31" customWidth="1"/>
    <col min="5650" max="5651" width="7.5" style="31" customWidth="1"/>
    <col min="5652" max="5652" width="8" style="31" customWidth="1"/>
    <col min="5653" max="5653" width="7.375" style="31" customWidth="1"/>
    <col min="5654" max="5654" width="8.5" style="31" customWidth="1"/>
    <col min="5655" max="5655" width="6.625" style="31" customWidth="1"/>
    <col min="5656" max="5888" width="9" style="31"/>
    <col min="5889" max="5889" width="11" style="31" customWidth="1"/>
    <col min="5890" max="5890" width="6.25" style="31" customWidth="1"/>
    <col min="5891" max="5891" width="9.5" style="31" customWidth="1"/>
    <col min="5892" max="5892" width="7.5" style="31" customWidth="1"/>
    <col min="5893" max="5893" width="9.25" style="31" customWidth="1"/>
    <col min="5894" max="5894" width="9" style="31"/>
    <col min="5895" max="5895" width="8.375" style="31" customWidth="1"/>
    <col min="5896" max="5896" width="9" style="31"/>
    <col min="5897" max="5897" width="5.625" style="31" customWidth="1"/>
    <col min="5898" max="5899" width="5.75" style="31" customWidth="1"/>
    <col min="5900" max="5900" width="7.625" style="31" customWidth="1"/>
    <col min="5901" max="5901" width="5.75" style="31" customWidth="1"/>
    <col min="5902" max="5902" width="6.625" style="31" customWidth="1"/>
    <col min="5903" max="5903" width="5.5" style="31" customWidth="1"/>
    <col min="5904" max="5904" width="6" style="31" customWidth="1"/>
    <col min="5905" max="5905" width="6.625" style="31" customWidth="1"/>
    <col min="5906" max="5907" width="7.5" style="31" customWidth="1"/>
    <col min="5908" max="5908" width="8" style="31" customWidth="1"/>
    <col min="5909" max="5909" width="7.375" style="31" customWidth="1"/>
    <col min="5910" max="5910" width="8.5" style="31" customWidth="1"/>
    <col min="5911" max="5911" width="6.625" style="31" customWidth="1"/>
    <col min="5912" max="6144" width="9" style="31"/>
    <col min="6145" max="6145" width="11" style="31" customWidth="1"/>
    <col min="6146" max="6146" width="6.25" style="31" customWidth="1"/>
    <col min="6147" max="6147" width="9.5" style="31" customWidth="1"/>
    <col min="6148" max="6148" width="7.5" style="31" customWidth="1"/>
    <col min="6149" max="6149" width="9.25" style="31" customWidth="1"/>
    <col min="6150" max="6150" width="9" style="31"/>
    <col min="6151" max="6151" width="8.375" style="31" customWidth="1"/>
    <col min="6152" max="6152" width="9" style="31"/>
    <col min="6153" max="6153" width="5.625" style="31" customWidth="1"/>
    <col min="6154" max="6155" width="5.75" style="31" customWidth="1"/>
    <col min="6156" max="6156" width="7.625" style="31" customWidth="1"/>
    <col min="6157" max="6157" width="5.75" style="31" customWidth="1"/>
    <col min="6158" max="6158" width="6.625" style="31" customWidth="1"/>
    <col min="6159" max="6159" width="5.5" style="31" customWidth="1"/>
    <col min="6160" max="6160" width="6" style="31" customWidth="1"/>
    <col min="6161" max="6161" width="6.625" style="31" customWidth="1"/>
    <col min="6162" max="6163" width="7.5" style="31" customWidth="1"/>
    <col min="6164" max="6164" width="8" style="31" customWidth="1"/>
    <col min="6165" max="6165" width="7.375" style="31" customWidth="1"/>
    <col min="6166" max="6166" width="8.5" style="31" customWidth="1"/>
    <col min="6167" max="6167" width="6.625" style="31" customWidth="1"/>
    <col min="6168" max="6400" width="9" style="31"/>
    <col min="6401" max="6401" width="11" style="31" customWidth="1"/>
    <col min="6402" max="6402" width="6.25" style="31" customWidth="1"/>
    <col min="6403" max="6403" width="9.5" style="31" customWidth="1"/>
    <col min="6404" max="6404" width="7.5" style="31" customWidth="1"/>
    <col min="6405" max="6405" width="9.25" style="31" customWidth="1"/>
    <col min="6406" max="6406" width="9" style="31"/>
    <col min="6407" max="6407" width="8.375" style="31" customWidth="1"/>
    <col min="6408" max="6408" width="9" style="31"/>
    <col min="6409" max="6409" width="5.625" style="31" customWidth="1"/>
    <col min="6410" max="6411" width="5.75" style="31" customWidth="1"/>
    <col min="6412" max="6412" width="7.625" style="31" customWidth="1"/>
    <col min="6413" max="6413" width="5.75" style="31" customWidth="1"/>
    <col min="6414" max="6414" width="6.625" style="31" customWidth="1"/>
    <col min="6415" max="6415" width="5.5" style="31" customWidth="1"/>
    <col min="6416" max="6416" width="6" style="31" customWidth="1"/>
    <col min="6417" max="6417" width="6.625" style="31" customWidth="1"/>
    <col min="6418" max="6419" width="7.5" style="31" customWidth="1"/>
    <col min="6420" max="6420" width="8" style="31" customWidth="1"/>
    <col min="6421" max="6421" width="7.375" style="31" customWidth="1"/>
    <col min="6422" max="6422" width="8.5" style="31" customWidth="1"/>
    <col min="6423" max="6423" width="6.625" style="31" customWidth="1"/>
    <col min="6424" max="6656" width="9" style="31"/>
    <col min="6657" max="6657" width="11" style="31" customWidth="1"/>
    <col min="6658" max="6658" width="6.25" style="31" customWidth="1"/>
    <col min="6659" max="6659" width="9.5" style="31" customWidth="1"/>
    <col min="6660" max="6660" width="7.5" style="31" customWidth="1"/>
    <col min="6661" max="6661" width="9.25" style="31" customWidth="1"/>
    <col min="6662" max="6662" width="9" style="31"/>
    <col min="6663" max="6663" width="8.375" style="31" customWidth="1"/>
    <col min="6664" max="6664" width="9" style="31"/>
    <col min="6665" max="6665" width="5.625" style="31" customWidth="1"/>
    <col min="6666" max="6667" width="5.75" style="31" customWidth="1"/>
    <col min="6668" max="6668" width="7.625" style="31" customWidth="1"/>
    <col min="6669" max="6669" width="5.75" style="31" customWidth="1"/>
    <col min="6670" max="6670" width="6.625" style="31" customWidth="1"/>
    <col min="6671" max="6671" width="5.5" style="31" customWidth="1"/>
    <col min="6672" max="6672" width="6" style="31" customWidth="1"/>
    <col min="6673" max="6673" width="6.625" style="31" customWidth="1"/>
    <col min="6674" max="6675" width="7.5" style="31" customWidth="1"/>
    <col min="6676" max="6676" width="8" style="31" customWidth="1"/>
    <col min="6677" max="6677" width="7.375" style="31" customWidth="1"/>
    <col min="6678" max="6678" width="8.5" style="31" customWidth="1"/>
    <col min="6679" max="6679" width="6.625" style="31" customWidth="1"/>
    <col min="6680" max="6912" width="9" style="31"/>
    <col min="6913" max="6913" width="11" style="31" customWidth="1"/>
    <col min="6914" max="6914" width="6.25" style="31" customWidth="1"/>
    <col min="6915" max="6915" width="9.5" style="31" customWidth="1"/>
    <col min="6916" max="6916" width="7.5" style="31" customWidth="1"/>
    <col min="6917" max="6917" width="9.25" style="31" customWidth="1"/>
    <col min="6918" max="6918" width="9" style="31"/>
    <col min="6919" max="6919" width="8.375" style="31" customWidth="1"/>
    <col min="6920" max="6920" width="9" style="31"/>
    <col min="6921" max="6921" width="5.625" style="31" customWidth="1"/>
    <col min="6922" max="6923" width="5.75" style="31" customWidth="1"/>
    <col min="6924" max="6924" width="7.625" style="31" customWidth="1"/>
    <col min="6925" max="6925" width="5.75" style="31" customWidth="1"/>
    <col min="6926" max="6926" width="6.625" style="31" customWidth="1"/>
    <col min="6927" max="6927" width="5.5" style="31" customWidth="1"/>
    <col min="6928" max="6928" width="6" style="31" customWidth="1"/>
    <col min="6929" max="6929" width="6.625" style="31" customWidth="1"/>
    <col min="6930" max="6931" width="7.5" style="31" customWidth="1"/>
    <col min="6932" max="6932" width="8" style="31" customWidth="1"/>
    <col min="6933" max="6933" width="7.375" style="31" customWidth="1"/>
    <col min="6934" max="6934" width="8.5" style="31" customWidth="1"/>
    <col min="6935" max="6935" width="6.625" style="31" customWidth="1"/>
    <col min="6936" max="7168" width="9" style="31"/>
    <col min="7169" max="7169" width="11" style="31" customWidth="1"/>
    <col min="7170" max="7170" width="6.25" style="31" customWidth="1"/>
    <col min="7171" max="7171" width="9.5" style="31" customWidth="1"/>
    <col min="7172" max="7172" width="7.5" style="31" customWidth="1"/>
    <col min="7173" max="7173" width="9.25" style="31" customWidth="1"/>
    <col min="7174" max="7174" width="9" style="31"/>
    <col min="7175" max="7175" width="8.375" style="31" customWidth="1"/>
    <col min="7176" max="7176" width="9" style="31"/>
    <col min="7177" max="7177" width="5.625" style="31" customWidth="1"/>
    <col min="7178" max="7179" width="5.75" style="31" customWidth="1"/>
    <col min="7180" max="7180" width="7.625" style="31" customWidth="1"/>
    <col min="7181" max="7181" width="5.75" style="31" customWidth="1"/>
    <col min="7182" max="7182" width="6.625" style="31" customWidth="1"/>
    <col min="7183" max="7183" width="5.5" style="31" customWidth="1"/>
    <col min="7184" max="7184" width="6" style="31" customWidth="1"/>
    <col min="7185" max="7185" width="6.625" style="31" customWidth="1"/>
    <col min="7186" max="7187" width="7.5" style="31" customWidth="1"/>
    <col min="7188" max="7188" width="8" style="31" customWidth="1"/>
    <col min="7189" max="7189" width="7.375" style="31" customWidth="1"/>
    <col min="7190" max="7190" width="8.5" style="31" customWidth="1"/>
    <col min="7191" max="7191" width="6.625" style="31" customWidth="1"/>
    <col min="7192" max="7424" width="9" style="31"/>
    <col min="7425" max="7425" width="11" style="31" customWidth="1"/>
    <col min="7426" max="7426" width="6.25" style="31" customWidth="1"/>
    <col min="7427" max="7427" width="9.5" style="31" customWidth="1"/>
    <col min="7428" max="7428" width="7.5" style="31" customWidth="1"/>
    <col min="7429" max="7429" width="9.25" style="31" customWidth="1"/>
    <col min="7430" max="7430" width="9" style="31"/>
    <col min="7431" max="7431" width="8.375" style="31" customWidth="1"/>
    <col min="7432" max="7432" width="9" style="31"/>
    <col min="7433" max="7433" width="5.625" style="31" customWidth="1"/>
    <col min="7434" max="7435" width="5.75" style="31" customWidth="1"/>
    <col min="7436" max="7436" width="7.625" style="31" customWidth="1"/>
    <col min="7437" max="7437" width="5.75" style="31" customWidth="1"/>
    <col min="7438" max="7438" width="6.625" style="31" customWidth="1"/>
    <col min="7439" max="7439" width="5.5" style="31" customWidth="1"/>
    <col min="7440" max="7440" width="6" style="31" customWidth="1"/>
    <col min="7441" max="7441" width="6.625" style="31" customWidth="1"/>
    <col min="7442" max="7443" width="7.5" style="31" customWidth="1"/>
    <col min="7444" max="7444" width="8" style="31" customWidth="1"/>
    <col min="7445" max="7445" width="7.375" style="31" customWidth="1"/>
    <col min="7446" max="7446" width="8.5" style="31" customWidth="1"/>
    <col min="7447" max="7447" width="6.625" style="31" customWidth="1"/>
    <col min="7448" max="7680" width="9" style="31"/>
    <col min="7681" max="7681" width="11" style="31" customWidth="1"/>
    <col min="7682" max="7682" width="6.25" style="31" customWidth="1"/>
    <col min="7683" max="7683" width="9.5" style="31" customWidth="1"/>
    <col min="7684" max="7684" width="7.5" style="31" customWidth="1"/>
    <col min="7685" max="7685" width="9.25" style="31" customWidth="1"/>
    <col min="7686" max="7686" width="9" style="31"/>
    <col min="7687" max="7687" width="8.375" style="31" customWidth="1"/>
    <col min="7688" max="7688" width="9" style="31"/>
    <col min="7689" max="7689" width="5.625" style="31" customWidth="1"/>
    <col min="7690" max="7691" width="5.75" style="31" customWidth="1"/>
    <col min="7692" max="7692" width="7.625" style="31" customWidth="1"/>
    <col min="7693" max="7693" width="5.75" style="31" customWidth="1"/>
    <col min="7694" max="7694" width="6.625" style="31" customWidth="1"/>
    <col min="7695" max="7695" width="5.5" style="31" customWidth="1"/>
    <col min="7696" max="7696" width="6" style="31" customWidth="1"/>
    <col min="7697" max="7697" width="6.625" style="31" customWidth="1"/>
    <col min="7698" max="7699" width="7.5" style="31" customWidth="1"/>
    <col min="7700" max="7700" width="8" style="31" customWidth="1"/>
    <col min="7701" max="7701" width="7.375" style="31" customWidth="1"/>
    <col min="7702" max="7702" width="8.5" style="31" customWidth="1"/>
    <col min="7703" max="7703" width="6.625" style="31" customWidth="1"/>
    <col min="7704" max="7936" width="9" style="31"/>
    <col min="7937" max="7937" width="11" style="31" customWidth="1"/>
    <col min="7938" max="7938" width="6.25" style="31" customWidth="1"/>
    <col min="7939" max="7939" width="9.5" style="31" customWidth="1"/>
    <col min="7940" max="7940" width="7.5" style="31" customWidth="1"/>
    <col min="7941" max="7941" width="9.25" style="31" customWidth="1"/>
    <col min="7942" max="7942" width="9" style="31"/>
    <col min="7943" max="7943" width="8.375" style="31" customWidth="1"/>
    <col min="7944" max="7944" width="9" style="31"/>
    <col min="7945" max="7945" width="5.625" style="31" customWidth="1"/>
    <col min="7946" max="7947" width="5.75" style="31" customWidth="1"/>
    <col min="7948" max="7948" width="7.625" style="31" customWidth="1"/>
    <col min="7949" max="7949" width="5.75" style="31" customWidth="1"/>
    <col min="7950" max="7950" width="6.625" style="31" customWidth="1"/>
    <col min="7951" max="7951" width="5.5" style="31" customWidth="1"/>
    <col min="7952" max="7952" width="6" style="31" customWidth="1"/>
    <col min="7953" max="7953" width="6.625" style="31" customWidth="1"/>
    <col min="7954" max="7955" width="7.5" style="31" customWidth="1"/>
    <col min="7956" max="7956" width="8" style="31" customWidth="1"/>
    <col min="7957" max="7957" width="7.375" style="31" customWidth="1"/>
    <col min="7958" max="7958" width="8.5" style="31" customWidth="1"/>
    <col min="7959" max="7959" width="6.625" style="31" customWidth="1"/>
    <col min="7960" max="8192" width="9" style="31"/>
    <col min="8193" max="8193" width="11" style="31" customWidth="1"/>
    <col min="8194" max="8194" width="6.25" style="31" customWidth="1"/>
    <col min="8195" max="8195" width="9.5" style="31" customWidth="1"/>
    <col min="8196" max="8196" width="7.5" style="31" customWidth="1"/>
    <col min="8197" max="8197" width="9.25" style="31" customWidth="1"/>
    <col min="8198" max="8198" width="9" style="31"/>
    <col min="8199" max="8199" width="8.375" style="31" customWidth="1"/>
    <col min="8200" max="8200" width="9" style="31"/>
    <col min="8201" max="8201" width="5.625" style="31" customWidth="1"/>
    <col min="8202" max="8203" width="5.75" style="31" customWidth="1"/>
    <col min="8204" max="8204" width="7.625" style="31" customWidth="1"/>
    <col min="8205" max="8205" width="5.75" style="31" customWidth="1"/>
    <col min="8206" max="8206" width="6.625" style="31" customWidth="1"/>
    <col min="8207" max="8207" width="5.5" style="31" customWidth="1"/>
    <col min="8208" max="8208" width="6" style="31" customWidth="1"/>
    <col min="8209" max="8209" width="6.625" style="31" customWidth="1"/>
    <col min="8210" max="8211" width="7.5" style="31" customWidth="1"/>
    <col min="8212" max="8212" width="8" style="31" customWidth="1"/>
    <col min="8213" max="8213" width="7.375" style="31" customWidth="1"/>
    <col min="8214" max="8214" width="8.5" style="31" customWidth="1"/>
    <col min="8215" max="8215" width="6.625" style="31" customWidth="1"/>
    <col min="8216" max="8448" width="9" style="31"/>
    <col min="8449" max="8449" width="11" style="31" customWidth="1"/>
    <col min="8450" max="8450" width="6.25" style="31" customWidth="1"/>
    <col min="8451" max="8451" width="9.5" style="31" customWidth="1"/>
    <col min="8452" max="8452" width="7.5" style="31" customWidth="1"/>
    <col min="8453" max="8453" width="9.25" style="31" customWidth="1"/>
    <col min="8454" max="8454" width="9" style="31"/>
    <col min="8455" max="8455" width="8.375" style="31" customWidth="1"/>
    <col min="8456" max="8456" width="9" style="31"/>
    <col min="8457" max="8457" width="5.625" style="31" customWidth="1"/>
    <col min="8458" max="8459" width="5.75" style="31" customWidth="1"/>
    <col min="8460" max="8460" width="7.625" style="31" customWidth="1"/>
    <col min="8461" max="8461" width="5.75" style="31" customWidth="1"/>
    <col min="8462" max="8462" width="6.625" style="31" customWidth="1"/>
    <col min="8463" max="8463" width="5.5" style="31" customWidth="1"/>
    <col min="8464" max="8464" width="6" style="31" customWidth="1"/>
    <col min="8465" max="8465" width="6.625" style="31" customWidth="1"/>
    <col min="8466" max="8467" width="7.5" style="31" customWidth="1"/>
    <col min="8468" max="8468" width="8" style="31" customWidth="1"/>
    <col min="8469" max="8469" width="7.375" style="31" customWidth="1"/>
    <col min="8470" max="8470" width="8.5" style="31" customWidth="1"/>
    <col min="8471" max="8471" width="6.625" style="31" customWidth="1"/>
    <col min="8472" max="8704" width="9" style="31"/>
    <col min="8705" max="8705" width="11" style="31" customWidth="1"/>
    <col min="8706" max="8706" width="6.25" style="31" customWidth="1"/>
    <col min="8707" max="8707" width="9.5" style="31" customWidth="1"/>
    <col min="8708" max="8708" width="7.5" style="31" customWidth="1"/>
    <col min="8709" max="8709" width="9.25" style="31" customWidth="1"/>
    <col min="8710" max="8710" width="9" style="31"/>
    <col min="8711" max="8711" width="8.375" style="31" customWidth="1"/>
    <col min="8712" max="8712" width="9" style="31"/>
    <col min="8713" max="8713" width="5.625" style="31" customWidth="1"/>
    <col min="8714" max="8715" width="5.75" style="31" customWidth="1"/>
    <col min="8716" max="8716" width="7.625" style="31" customWidth="1"/>
    <col min="8717" max="8717" width="5.75" style="31" customWidth="1"/>
    <col min="8718" max="8718" width="6.625" style="31" customWidth="1"/>
    <col min="8719" max="8719" width="5.5" style="31" customWidth="1"/>
    <col min="8720" max="8720" width="6" style="31" customWidth="1"/>
    <col min="8721" max="8721" width="6.625" style="31" customWidth="1"/>
    <col min="8722" max="8723" width="7.5" style="31" customWidth="1"/>
    <col min="8724" max="8724" width="8" style="31" customWidth="1"/>
    <col min="8725" max="8725" width="7.375" style="31" customWidth="1"/>
    <col min="8726" max="8726" width="8.5" style="31" customWidth="1"/>
    <col min="8727" max="8727" width="6.625" style="31" customWidth="1"/>
    <col min="8728" max="8960" width="9" style="31"/>
    <col min="8961" max="8961" width="11" style="31" customWidth="1"/>
    <col min="8962" max="8962" width="6.25" style="31" customWidth="1"/>
    <col min="8963" max="8963" width="9.5" style="31" customWidth="1"/>
    <col min="8964" max="8964" width="7.5" style="31" customWidth="1"/>
    <col min="8965" max="8965" width="9.25" style="31" customWidth="1"/>
    <col min="8966" max="8966" width="9" style="31"/>
    <col min="8967" max="8967" width="8.375" style="31" customWidth="1"/>
    <col min="8968" max="8968" width="9" style="31"/>
    <col min="8969" max="8969" width="5.625" style="31" customWidth="1"/>
    <col min="8970" max="8971" width="5.75" style="31" customWidth="1"/>
    <col min="8972" max="8972" width="7.625" style="31" customWidth="1"/>
    <col min="8973" max="8973" width="5.75" style="31" customWidth="1"/>
    <col min="8974" max="8974" width="6.625" style="31" customWidth="1"/>
    <col min="8975" max="8975" width="5.5" style="31" customWidth="1"/>
    <col min="8976" max="8976" width="6" style="31" customWidth="1"/>
    <col min="8977" max="8977" width="6.625" style="31" customWidth="1"/>
    <col min="8978" max="8979" width="7.5" style="31" customWidth="1"/>
    <col min="8980" max="8980" width="8" style="31" customWidth="1"/>
    <col min="8981" max="8981" width="7.375" style="31" customWidth="1"/>
    <col min="8982" max="8982" width="8.5" style="31" customWidth="1"/>
    <col min="8983" max="8983" width="6.625" style="31" customWidth="1"/>
    <col min="8984" max="9216" width="9" style="31"/>
    <col min="9217" max="9217" width="11" style="31" customWidth="1"/>
    <col min="9218" max="9218" width="6.25" style="31" customWidth="1"/>
    <col min="9219" max="9219" width="9.5" style="31" customWidth="1"/>
    <col min="9220" max="9220" width="7.5" style="31" customWidth="1"/>
    <col min="9221" max="9221" width="9.25" style="31" customWidth="1"/>
    <col min="9222" max="9222" width="9" style="31"/>
    <col min="9223" max="9223" width="8.375" style="31" customWidth="1"/>
    <col min="9224" max="9224" width="9" style="31"/>
    <col min="9225" max="9225" width="5.625" style="31" customWidth="1"/>
    <col min="9226" max="9227" width="5.75" style="31" customWidth="1"/>
    <col min="9228" max="9228" width="7.625" style="31" customWidth="1"/>
    <col min="9229" max="9229" width="5.75" style="31" customWidth="1"/>
    <col min="9230" max="9230" width="6.625" style="31" customWidth="1"/>
    <col min="9231" max="9231" width="5.5" style="31" customWidth="1"/>
    <col min="9232" max="9232" width="6" style="31" customWidth="1"/>
    <col min="9233" max="9233" width="6.625" style="31" customWidth="1"/>
    <col min="9234" max="9235" width="7.5" style="31" customWidth="1"/>
    <col min="9236" max="9236" width="8" style="31" customWidth="1"/>
    <col min="9237" max="9237" width="7.375" style="31" customWidth="1"/>
    <col min="9238" max="9238" width="8.5" style="31" customWidth="1"/>
    <col min="9239" max="9239" width="6.625" style="31" customWidth="1"/>
    <col min="9240" max="9472" width="9" style="31"/>
    <col min="9473" max="9473" width="11" style="31" customWidth="1"/>
    <col min="9474" max="9474" width="6.25" style="31" customWidth="1"/>
    <col min="9475" max="9475" width="9.5" style="31" customWidth="1"/>
    <col min="9476" max="9476" width="7.5" style="31" customWidth="1"/>
    <col min="9477" max="9477" width="9.25" style="31" customWidth="1"/>
    <col min="9478" max="9478" width="9" style="31"/>
    <col min="9479" max="9479" width="8.375" style="31" customWidth="1"/>
    <col min="9480" max="9480" width="9" style="31"/>
    <col min="9481" max="9481" width="5.625" style="31" customWidth="1"/>
    <col min="9482" max="9483" width="5.75" style="31" customWidth="1"/>
    <col min="9484" max="9484" width="7.625" style="31" customWidth="1"/>
    <col min="9485" max="9485" width="5.75" style="31" customWidth="1"/>
    <col min="9486" max="9486" width="6.625" style="31" customWidth="1"/>
    <col min="9487" max="9487" width="5.5" style="31" customWidth="1"/>
    <col min="9488" max="9488" width="6" style="31" customWidth="1"/>
    <col min="9489" max="9489" width="6.625" style="31" customWidth="1"/>
    <col min="9490" max="9491" width="7.5" style="31" customWidth="1"/>
    <col min="9492" max="9492" width="8" style="31" customWidth="1"/>
    <col min="9493" max="9493" width="7.375" style="31" customWidth="1"/>
    <col min="9494" max="9494" width="8.5" style="31" customWidth="1"/>
    <col min="9495" max="9495" width="6.625" style="31" customWidth="1"/>
    <col min="9496" max="9728" width="9" style="31"/>
    <col min="9729" max="9729" width="11" style="31" customWidth="1"/>
    <col min="9730" max="9730" width="6.25" style="31" customWidth="1"/>
    <col min="9731" max="9731" width="9.5" style="31" customWidth="1"/>
    <col min="9732" max="9732" width="7.5" style="31" customWidth="1"/>
    <col min="9733" max="9733" width="9.25" style="31" customWidth="1"/>
    <col min="9734" max="9734" width="9" style="31"/>
    <col min="9735" max="9735" width="8.375" style="31" customWidth="1"/>
    <col min="9736" max="9736" width="9" style="31"/>
    <col min="9737" max="9737" width="5.625" style="31" customWidth="1"/>
    <col min="9738" max="9739" width="5.75" style="31" customWidth="1"/>
    <col min="9740" max="9740" width="7.625" style="31" customWidth="1"/>
    <col min="9741" max="9741" width="5.75" style="31" customWidth="1"/>
    <col min="9742" max="9742" width="6.625" style="31" customWidth="1"/>
    <col min="9743" max="9743" width="5.5" style="31" customWidth="1"/>
    <col min="9744" max="9744" width="6" style="31" customWidth="1"/>
    <col min="9745" max="9745" width="6.625" style="31" customWidth="1"/>
    <col min="9746" max="9747" width="7.5" style="31" customWidth="1"/>
    <col min="9748" max="9748" width="8" style="31" customWidth="1"/>
    <col min="9749" max="9749" width="7.375" style="31" customWidth="1"/>
    <col min="9750" max="9750" width="8.5" style="31" customWidth="1"/>
    <col min="9751" max="9751" width="6.625" style="31" customWidth="1"/>
    <col min="9752" max="9984" width="9" style="31"/>
    <col min="9985" max="9985" width="11" style="31" customWidth="1"/>
    <col min="9986" max="9986" width="6.25" style="31" customWidth="1"/>
    <col min="9987" max="9987" width="9.5" style="31" customWidth="1"/>
    <col min="9988" max="9988" width="7.5" style="31" customWidth="1"/>
    <col min="9989" max="9989" width="9.25" style="31" customWidth="1"/>
    <col min="9990" max="9990" width="9" style="31"/>
    <col min="9991" max="9991" width="8.375" style="31" customWidth="1"/>
    <col min="9992" max="9992" width="9" style="31"/>
    <col min="9993" max="9993" width="5.625" style="31" customWidth="1"/>
    <col min="9994" max="9995" width="5.75" style="31" customWidth="1"/>
    <col min="9996" max="9996" width="7.625" style="31" customWidth="1"/>
    <col min="9997" max="9997" width="5.75" style="31" customWidth="1"/>
    <col min="9998" max="9998" width="6.625" style="31" customWidth="1"/>
    <col min="9999" max="9999" width="5.5" style="31" customWidth="1"/>
    <col min="10000" max="10000" width="6" style="31" customWidth="1"/>
    <col min="10001" max="10001" width="6.625" style="31" customWidth="1"/>
    <col min="10002" max="10003" width="7.5" style="31" customWidth="1"/>
    <col min="10004" max="10004" width="8" style="31" customWidth="1"/>
    <col min="10005" max="10005" width="7.375" style="31" customWidth="1"/>
    <col min="10006" max="10006" width="8.5" style="31" customWidth="1"/>
    <col min="10007" max="10007" width="6.625" style="31" customWidth="1"/>
    <col min="10008" max="10240" width="9" style="31"/>
    <col min="10241" max="10241" width="11" style="31" customWidth="1"/>
    <col min="10242" max="10242" width="6.25" style="31" customWidth="1"/>
    <col min="10243" max="10243" width="9.5" style="31" customWidth="1"/>
    <col min="10244" max="10244" width="7.5" style="31" customWidth="1"/>
    <col min="10245" max="10245" width="9.25" style="31" customWidth="1"/>
    <col min="10246" max="10246" width="9" style="31"/>
    <col min="10247" max="10247" width="8.375" style="31" customWidth="1"/>
    <col min="10248" max="10248" width="9" style="31"/>
    <col min="10249" max="10249" width="5.625" style="31" customWidth="1"/>
    <col min="10250" max="10251" width="5.75" style="31" customWidth="1"/>
    <col min="10252" max="10252" width="7.625" style="31" customWidth="1"/>
    <col min="10253" max="10253" width="5.75" style="31" customWidth="1"/>
    <col min="10254" max="10254" width="6.625" style="31" customWidth="1"/>
    <col min="10255" max="10255" width="5.5" style="31" customWidth="1"/>
    <col min="10256" max="10256" width="6" style="31" customWidth="1"/>
    <col min="10257" max="10257" width="6.625" style="31" customWidth="1"/>
    <col min="10258" max="10259" width="7.5" style="31" customWidth="1"/>
    <col min="10260" max="10260" width="8" style="31" customWidth="1"/>
    <col min="10261" max="10261" width="7.375" style="31" customWidth="1"/>
    <col min="10262" max="10262" width="8.5" style="31" customWidth="1"/>
    <col min="10263" max="10263" width="6.625" style="31" customWidth="1"/>
    <col min="10264" max="10496" width="9" style="31"/>
    <col min="10497" max="10497" width="11" style="31" customWidth="1"/>
    <col min="10498" max="10498" width="6.25" style="31" customWidth="1"/>
    <col min="10499" max="10499" width="9.5" style="31" customWidth="1"/>
    <col min="10500" max="10500" width="7.5" style="31" customWidth="1"/>
    <col min="10501" max="10501" width="9.25" style="31" customWidth="1"/>
    <col min="10502" max="10502" width="9" style="31"/>
    <col min="10503" max="10503" width="8.375" style="31" customWidth="1"/>
    <col min="10504" max="10504" width="9" style="31"/>
    <col min="10505" max="10505" width="5.625" style="31" customWidth="1"/>
    <col min="10506" max="10507" width="5.75" style="31" customWidth="1"/>
    <col min="10508" max="10508" width="7.625" style="31" customWidth="1"/>
    <col min="10509" max="10509" width="5.75" style="31" customWidth="1"/>
    <col min="10510" max="10510" width="6.625" style="31" customWidth="1"/>
    <col min="10511" max="10511" width="5.5" style="31" customWidth="1"/>
    <col min="10512" max="10512" width="6" style="31" customWidth="1"/>
    <col min="10513" max="10513" width="6.625" style="31" customWidth="1"/>
    <col min="10514" max="10515" width="7.5" style="31" customWidth="1"/>
    <col min="10516" max="10516" width="8" style="31" customWidth="1"/>
    <col min="10517" max="10517" width="7.375" style="31" customWidth="1"/>
    <col min="10518" max="10518" width="8.5" style="31" customWidth="1"/>
    <col min="10519" max="10519" width="6.625" style="31" customWidth="1"/>
    <col min="10520" max="10752" width="9" style="31"/>
    <col min="10753" max="10753" width="11" style="31" customWidth="1"/>
    <col min="10754" max="10754" width="6.25" style="31" customWidth="1"/>
    <col min="10755" max="10755" width="9.5" style="31" customWidth="1"/>
    <col min="10756" max="10756" width="7.5" style="31" customWidth="1"/>
    <col min="10757" max="10757" width="9.25" style="31" customWidth="1"/>
    <col min="10758" max="10758" width="9" style="31"/>
    <col min="10759" max="10759" width="8.375" style="31" customWidth="1"/>
    <col min="10760" max="10760" width="9" style="31"/>
    <col min="10761" max="10761" width="5.625" style="31" customWidth="1"/>
    <col min="10762" max="10763" width="5.75" style="31" customWidth="1"/>
    <col min="10764" max="10764" width="7.625" style="31" customWidth="1"/>
    <col min="10765" max="10765" width="5.75" style="31" customWidth="1"/>
    <col min="10766" max="10766" width="6.625" style="31" customWidth="1"/>
    <col min="10767" max="10767" width="5.5" style="31" customWidth="1"/>
    <col min="10768" max="10768" width="6" style="31" customWidth="1"/>
    <col min="10769" max="10769" width="6.625" style="31" customWidth="1"/>
    <col min="10770" max="10771" width="7.5" style="31" customWidth="1"/>
    <col min="10772" max="10772" width="8" style="31" customWidth="1"/>
    <col min="10773" max="10773" width="7.375" style="31" customWidth="1"/>
    <col min="10774" max="10774" width="8.5" style="31" customWidth="1"/>
    <col min="10775" max="10775" width="6.625" style="31" customWidth="1"/>
    <col min="10776" max="11008" width="9" style="31"/>
    <col min="11009" max="11009" width="11" style="31" customWidth="1"/>
    <col min="11010" max="11010" width="6.25" style="31" customWidth="1"/>
    <col min="11011" max="11011" width="9.5" style="31" customWidth="1"/>
    <col min="11012" max="11012" width="7.5" style="31" customWidth="1"/>
    <col min="11013" max="11013" width="9.25" style="31" customWidth="1"/>
    <col min="11014" max="11014" width="9" style="31"/>
    <col min="11015" max="11015" width="8.375" style="31" customWidth="1"/>
    <col min="11016" max="11016" width="9" style="31"/>
    <col min="11017" max="11017" width="5.625" style="31" customWidth="1"/>
    <col min="11018" max="11019" width="5.75" style="31" customWidth="1"/>
    <col min="11020" max="11020" width="7.625" style="31" customWidth="1"/>
    <col min="11021" max="11021" width="5.75" style="31" customWidth="1"/>
    <col min="11022" max="11022" width="6.625" style="31" customWidth="1"/>
    <col min="11023" max="11023" width="5.5" style="31" customWidth="1"/>
    <col min="11024" max="11024" width="6" style="31" customWidth="1"/>
    <col min="11025" max="11025" width="6.625" style="31" customWidth="1"/>
    <col min="11026" max="11027" width="7.5" style="31" customWidth="1"/>
    <col min="11028" max="11028" width="8" style="31" customWidth="1"/>
    <col min="11029" max="11029" width="7.375" style="31" customWidth="1"/>
    <col min="11030" max="11030" width="8.5" style="31" customWidth="1"/>
    <col min="11031" max="11031" width="6.625" style="31" customWidth="1"/>
    <col min="11032" max="11264" width="9" style="31"/>
    <col min="11265" max="11265" width="11" style="31" customWidth="1"/>
    <col min="11266" max="11266" width="6.25" style="31" customWidth="1"/>
    <col min="11267" max="11267" width="9.5" style="31" customWidth="1"/>
    <col min="11268" max="11268" width="7.5" style="31" customWidth="1"/>
    <col min="11269" max="11269" width="9.25" style="31" customWidth="1"/>
    <col min="11270" max="11270" width="9" style="31"/>
    <col min="11271" max="11271" width="8.375" style="31" customWidth="1"/>
    <col min="11272" max="11272" width="9" style="31"/>
    <col min="11273" max="11273" width="5.625" style="31" customWidth="1"/>
    <col min="11274" max="11275" width="5.75" style="31" customWidth="1"/>
    <col min="11276" max="11276" width="7.625" style="31" customWidth="1"/>
    <col min="11277" max="11277" width="5.75" style="31" customWidth="1"/>
    <col min="11278" max="11278" width="6.625" style="31" customWidth="1"/>
    <col min="11279" max="11279" width="5.5" style="31" customWidth="1"/>
    <col min="11280" max="11280" width="6" style="31" customWidth="1"/>
    <col min="11281" max="11281" width="6.625" style="31" customWidth="1"/>
    <col min="11282" max="11283" width="7.5" style="31" customWidth="1"/>
    <col min="11284" max="11284" width="8" style="31" customWidth="1"/>
    <col min="11285" max="11285" width="7.375" style="31" customWidth="1"/>
    <col min="11286" max="11286" width="8.5" style="31" customWidth="1"/>
    <col min="11287" max="11287" width="6.625" style="31" customWidth="1"/>
    <col min="11288" max="11520" width="9" style="31"/>
    <col min="11521" max="11521" width="11" style="31" customWidth="1"/>
    <col min="11522" max="11522" width="6.25" style="31" customWidth="1"/>
    <col min="11523" max="11523" width="9.5" style="31" customWidth="1"/>
    <col min="11524" max="11524" width="7.5" style="31" customWidth="1"/>
    <col min="11525" max="11525" width="9.25" style="31" customWidth="1"/>
    <col min="11526" max="11526" width="9" style="31"/>
    <col min="11527" max="11527" width="8.375" style="31" customWidth="1"/>
    <col min="11528" max="11528" width="9" style="31"/>
    <col min="11529" max="11529" width="5.625" style="31" customWidth="1"/>
    <col min="11530" max="11531" width="5.75" style="31" customWidth="1"/>
    <col min="11532" max="11532" width="7.625" style="31" customWidth="1"/>
    <col min="11533" max="11533" width="5.75" style="31" customWidth="1"/>
    <col min="11534" max="11534" width="6.625" style="31" customWidth="1"/>
    <col min="11535" max="11535" width="5.5" style="31" customWidth="1"/>
    <col min="11536" max="11536" width="6" style="31" customWidth="1"/>
    <col min="11537" max="11537" width="6.625" style="31" customWidth="1"/>
    <col min="11538" max="11539" width="7.5" style="31" customWidth="1"/>
    <col min="11540" max="11540" width="8" style="31" customWidth="1"/>
    <col min="11541" max="11541" width="7.375" style="31" customWidth="1"/>
    <col min="11542" max="11542" width="8.5" style="31" customWidth="1"/>
    <col min="11543" max="11543" width="6.625" style="31" customWidth="1"/>
    <col min="11544" max="11776" width="9" style="31"/>
    <col min="11777" max="11777" width="11" style="31" customWidth="1"/>
    <col min="11778" max="11778" width="6.25" style="31" customWidth="1"/>
    <col min="11779" max="11779" width="9.5" style="31" customWidth="1"/>
    <col min="11780" max="11780" width="7.5" style="31" customWidth="1"/>
    <col min="11781" max="11781" width="9.25" style="31" customWidth="1"/>
    <col min="11782" max="11782" width="9" style="31"/>
    <col min="11783" max="11783" width="8.375" style="31" customWidth="1"/>
    <col min="11784" max="11784" width="9" style="31"/>
    <col min="11785" max="11785" width="5.625" style="31" customWidth="1"/>
    <col min="11786" max="11787" width="5.75" style="31" customWidth="1"/>
    <col min="11788" max="11788" width="7.625" style="31" customWidth="1"/>
    <col min="11789" max="11789" width="5.75" style="31" customWidth="1"/>
    <col min="11790" max="11790" width="6.625" style="31" customWidth="1"/>
    <col min="11791" max="11791" width="5.5" style="31" customWidth="1"/>
    <col min="11792" max="11792" width="6" style="31" customWidth="1"/>
    <col min="11793" max="11793" width="6.625" style="31" customWidth="1"/>
    <col min="11794" max="11795" width="7.5" style="31" customWidth="1"/>
    <col min="11796" max="11796" width="8" style="31" customWidth="1"/>
    <col min="11797" max="11797" width="7.375" style="31" customWidth="1"/>
    <col min="11798" max="11798" width="8.5" style="31" customWidth="1"/>
    <col min="11799" max="11799" width="6.625" style="31" customWidth="1"/>
    <col min="11800" max="12032" width="9" style="31"/>
    <col min="12033" max="12033" width="11" style="31" customWidth="1"/>
    <col min="12034" max="12034" width="6.25" style="31" customWidth="1"/>
    <col min="12035" max="12035" width="9.5" style="31" customWidth="1"/>
    <col min="12036" max="12036" width="7.5" style="31" customWidth="1"/>
    <col min="12037" max="12037" width="9.25" style="31" customWidth="1"/>
    <col min="12038" max="12038" width="9" style="31"/>
    <col min="12039" max="12039" width="8.375" style="31" customWidth="1"/>
    <col min="12040" max="12040" width="9" style="31"/>
    <col min="12041" max="12041" width="5.625" style="31" customWidth="1"/>
    <col min="12042" max="12043" width="5.75" style="31" customWidth="1"/>
    <col min="12044" max="12044" width="7.625" style="31" customWidth="1"/>
    <col min="12045" max="12045" width="5.75" style="31" customWidth="1"/>
    <col min="12046" max="12046" width="6.625" style="31" customWidth="1"/>
    <col min="12047" max="12047" width="5.5" style="31" customWidth="1"/>
    <col min="12048" max="12048" width="6" style="31" customWidth="1"/>
    <col min="12049" max="12049" width="6.625" style="31" customWidth="1"/>
    <col min="12050" max="12051" width="7.5" style="31" customWidth="1"/>
    <col min="12052" max="12052" width="8" style="31" customWidth="1"/>
    <col min="12053" max="12053" width="7.375" style="31" customWidth="1"/>
    <col min="12054" max="12054" width="8.5" style="31" customWidth="1"/>
    <col min="12055" max="12055" width="6.625" style="31" customWidth="1"/>
    <col min="12056" max="12288" width="9" style="31"/>
    <col min="12289" max="12289" width="11" style="31" customWidth="1"/>
    <col min="12290" max="12290" width="6.25" style="31" customWidth="1"/>
    <col min="12291" max="12291" width="9.5" style="31" customWidth="1"/>
    <col min="12292" max="12292" width="7.5" style="31" customWidth="1"/>
    <col min="12293" max="12293" width="9.25" style="31" customWidth="1"/>
    <col min="12294" max="12294" width="9" style="31"/>
    <col min="12295" max="12295" width="8.375" style="31" customWidth="1"/>
    <col min="12296" max="12296" width="9" style="31"/>
    <col min="12297" max="12297" width="5.625" style="31" customWidth="1"/>
    <col min="12298" max="12299" width="5.75" style="31" customWidth="1"/>
    <col min="12300" max="12300" width="7.625" style="31" customWidth="1"/>
    <col min="12301" max="12301" width="5.75" style="31" customWidth="1"/>
    <col min="12302" max="12302" width="6.625" style="31" customWidth="1"/>
    <col min="12303" max="12303" width="5.5" style="31" customWidth="1"/>
    <col min="12304" max="12304" width="6" style="31" customWidth="1"/>
    <col min="12305" max="12305" width="6.625" style="31" customWidth="1"/>
    <col min="12306" max="12307" width="7.5" style="31" customWidth="1"/>
    <col min="12308" max="12308" width="8" style="31" customWidth="1"/>
    <col min="12309" max="12309" width="7.375" style="31" customWidth="1"/>
    <col min="12310" max="12310" width="8.5" style="31" customWidth="1"/>
    <col min="12311" max="12311" width="6.625" style="31" customWidth="1"/>
    <col min="12312" max="12544" width="9" style="31"/>
    <col min="12545" max="12545" width="11" style="31" customWidth="1"/>
    <col min="12546" max="12546" width="6.25" style="31" customWidth="1"/>
    <col min="12547" max="12547" width="9.5" style="31" customWidth="1"/>
    <col min="12548" max="12548" width="7.5" style="31" customWidth="1"/>
    <col min="12549" max="12549" width="9.25" style="31" customWidth="1"/>
    <col min="12550" max="12550" width="9" style="31"/>
    <col min="12551" max="12551" width="8.375" style="31" customWidth="1"/>
    <col min="12552" max="12552" width="9" style="31"/>
    <col min="12553" max="12553" width="5.625" style="31" customWidth="1"/>
    <col min="12554" max="12555" width="5.75" style="31" customWidth="1"/>
    <col min="12556" max="12556" width="7.625" style="31" customWidth="1"/>
    <col min="12557" max="12557" width="5.75" style="31" customWidth="1"/>
    <col min="12558" max="12558" width="6.625" style="31" customWidth="1"/>
    <col min="12559" max="12559" width="5.5" style="31" customWidth="1"/>
    <col min="12560" max="12560" width="6" style="31" customWidth="1"/>
    <col min="12561" max="12561" width="6.625" style="31" customWidth="1"/>
    <col min="12562" max="12563" width="7.5" style="31" customWidth="1"/>
    <col min="12564" max="12564" width="8" style="31" customWidth="1"/>
    <col min="12565" max="12565" width="7.375" style="31" customWidth="1"/>
    <col min="12566" max="12566" width="8.5" style="31" customWidth="1"/>
    <col min="12567" max="12567" width="6.625" style="31" customWidth="1"/>
    <col min="12568" max="12800" width="9" style="31"/>
    <col min="12801" max="12801" width="11" style="31" customWidth="1"/>
    <col min="12802" max="12802" width="6.25" style="31" customWidth="1"/>
    <col min="12803" max="12803" width="9.5" style="31" customWidth="1"/>
    <col min="12804" max="12804" width="7.5" style="31" customWidth="1"/>
    <col min="12805" max="12805" width="9.25" style="31" customWidth="1"/>
    <col min="12806" max="12806" width="9" style="31"/>
    <col min="12807" max="12807" width="8.375" style="31" customWidth="1"/>
    <col min="12808" max="12808" width="9" style="31"/>
    <col min="12809" max="12809" width="5.625" style="31" customWidth="1"/>
    <col min="12810" max="12811" width="5.75" style="31" customWidth="1"/>
    <col min="12812" max="12812" width="7.625" style="31" customWidth="1"/>
    <col min="12813" max="12813" width="5.75" style="31" customWidth="1"/>
    <col min="12814" max="12814" width="6.625" style="31" customWidth="1"/>
    <col min="12815" max="12815" width="5.5" style="31" customWidth="1"/>
    <col min="12816" max="12816" width="6" style="31" customWidth="1"/>
    <col min="12817" max="12817" width="6.625" style="31" customWidth="1"/>
    <col min="12818" max="12819" width="7.5" style="31" customWidth="1"/>
    <col min="12820" max="12820" width="8" style="31" customWidth="1"/>
    <col min="12821" max="12821" width="7.375" style="31" customWidth="1"/>
    <col min="12822" max="12822" width="8.5" style="31" customWidth="1"/>
    <col min="12823" max="12823" width="6.625" style="31" customWidth="1"/>
    <col min="12824" max="13056" width="9" style="31"/>
    <col min="13057" max="13057" width="11" style="31" customWidth="1"/>
    <col min="13058" max="13058" width="6.25" style="31" customWidth="1"/>
    <col min="13059" max="13059" width="9.5" style="31" customWidth="1"/>
    <col min="13060" max="13060" width="7.5" style="31" customWidth="1"/>
    <col min="13061" max="13061" width="9.25" style="31" customWidth="1"/>
    <col min="13062" max="13062" width="9" style="31"/>
    <col min="13063" max="13063" width="8.375" style="31" customWidth="1"/>
    <col min="13064" max="13064" width="9" style="31"/>
    <col min="13065" max="13065" width="5.625" style="31" customWidth="1"/>
    <col min="13066" max="13067" width="5.75" style="31" customWidth="1"/>
    <col min="13068" max="13068" width="7.625" style="31" customWidth="1"/>
    <col min="13069" max="13069" width="5.75" style="31" customWidth="1"/>
    <col min="13070" max="13070" width="6.625" style="31" customWidth="1"/>
    <col min="13071" max="13071" width="5.5" style="31" customWidth="1"/>
    <col min="13072" max="13072" width="6" style="31" customWidth="1"/>
    <col min="13073" max="13073" width="6.625" style="31" customWidth="1"/>
    <col min="13074" max="13075" width="7.5" style="31" customWidth="1"/>
    <col min="13076" max="13076" width="8" style="31" customWidth="1"/>
    <col min="13077" max="13077" width="7.375" style="31" customWidth="1"/>
    <col min="13078" max="13078" width="8.5" style="31" customWidth="1"/>
    <col min="13079" max="13079" width="6.625" style="31" customWidth="1"/>
    <col min="13080" max="13312" width="9" style="31"/>
    <col min="13313" max="13313" width="11" style="31" customWidth="1"/>
    <col min="13314" max="13314" width="6.25" style="31" customWidth="1"/>
    <col min="13315" max="13315" width="9.5" style="31" customWidth="1"/>
    <col min="13316" max="13316" width="7.5" style="31" customWidth="1"/>
    <col min="13317" max="13317" width="9.25" style="31" customWidth="1"/>
    <col min="13318" max="13318" width="9" style="31"/>
    <col min="13319" max="13319" width="8.375" style="31" customWidth="1"/>
    <col min="13320" max="13320" width="9" style="31"/>
    <col min="13321" max="13321" width="5.625" style="31" customWidth="1"/>
    <col min="13322" max="13323" width="5.75" style="31" customWidth="1"/>
    <col min="13324" max="13324" width="7.625" style="31" customWidth="1"/>
    <col min="13325" max="13325" width="5.75" style="31" customWidth="1"/>
    <col min="13326" max="13326" width="6.625" style="31" customWidth="1"/>
    <col min="13327" max="13327" width="5.5" style="31" customWidth="1"/>
    <col min="13328" max="13328" width="6" style="31" customWidth="1"/>
    <col min="13329" max="13329" width="6.625" style="31" customWidth="1"/>
    <col min="13330" max="13331" width="7.5" style="31" customWidth="1"/>
    <col min="13332" max="13332" width="8" style="31" customWidth="1"/>
    <col min="13333" max="13333" width="7.375" style="31" customWidth="1"/>
    <col min="13334" max="13334" width="8.5" style="31" customWidth="1"/>
    <col min="13335" max="13335" width="6.625" style="31" customWidth="1"/>
    <col min="13336" max="13568" width="9" style="31"/>
    <col min="13569" max="13569" width="11" style="31" customWidth="1"/>
    <col min="13570" max="13570" width="6.25" style="31" customWidth="1"/>
    <col min="13571" max="13571" width="9.5" style="31" customWidth="1"/>
    <col min="13572" max="13572" width="7.5" style="31" customWidth="1"/>
    <col min="13573" max="13573" width="9.25" style="31" customWidth="1"/>
    <col min="13574" max="13574" width="9" style="31"/>
    <col min="13575" max="13575" width="8.375" style="31" customWidth="1"/>
    <col min="13576" max="13576" width="9" style="31"/>
    <col min="13577" max="13577" width="5.625" style="31" customWidth="1"/>
    <col min="13578" max="13579" width="5.75" style="31" customWidth="1"/>
    <col min="13580" max="13580" width="7.625" style="31" customWidth="1"/>
    <col min="13581" max="13581" width="5.75" style="31" customWidth="1"/>
    <col min="13582" max="13582" width="6.625" style="31" customWidth="1"/>
    <col min="13583" max="13583" width="5.5" style="31" customWidth="1"/>
    <col min="13584" max="13584" width="6" style="31" customWidth="1"/>
    <col min="13585" max="13585" width="6.625" style="31" customWidth="1"/>
    <col min="13586" max="13587" width="7.5" style="31" customWidth="1"/>
    <col min="13588" max="13588" width="8" style="31" customWidth="1"/>
    <col min="13589" max="13589" width="7.375" style="31" customWidth="1"/>
    <col min="13590" max="13590" width="8.5" style="31" customWidth="1"/>
    <col min="13591" max="13591" width="6.625" style="31" customWidth="1"/>
    <col min="13592" max="13824" width="9" style="31"/>
    <col min="13825" max="13825" width="11" style="31" customWidth="1"/>
    <col min="13826" max="13826" width="6.25" style="31" customWidth="1"/>
    <col min="13827" max="13827" width="9.5" style="31" customWidth="1"/>
    <col min="13828" max="13828" width="7.5" style="31" customWidth="1"/>
    <col min="13829" max="13829" width="9.25" style="31" customWidth="1"/>
    <col min="13830" max="13830" width="9" style="31"/>
    <col min="13831" max="13831" width="8.375" style="31" customWidth="1"/>
    <col min="13832" max="13832" width="9" style="31"/>
    <col min="13833" max="13833" width="5.625" style="31" customWidth="1"/>
    <col min="13834" max="13835" width="5.75" style="31" customWidth="1"/>
    <col min="13836" max="13836" width="7.625" style="31" customWidth="1"/>
    <col min="13837" max="13837" width="5.75" style="31" customWidth="1"/>
    <col min="13838" max="13838" width="6.625" style="31" customWidth="1"/>
    <col min="13839" max="13839" width="5.5" style="31" customWidth="1"/>
    <col min="13840" max="13840" width="6" style="31" customWidth="1"/>
    <col min="13841" max="13841" width="6.625" style="31" customWidth="1"/>
    <col min="13842" max="13843" width="7.5" style="31" customWidth="1"/>
    <col min="13844" max="13844" width="8" style="31" customWidth="1"/>
    <col min="13845" max="13845" width="7.375" style="31" customWidth="1"/>
    <col min="13846" max="13846" width="8.5" style="31" customWidth="1"/>
    <col min="13847" max="13847" width="6.625" style="31" customWidth="1"/>
    <col min="13848" max="14080" width="9" style="31"/>
    <col min="14081" max="14081" width="11" style="31" customWidth="1"/>
    <col min="14082" max="14082" width="6.25" style="31" customWidth="1"/>
    <col min="14083" max="14083" width="9.5" style="31" customWidth="1"/>
    <col min="14084" max="14084" width="7.5" style="31" customWidth="1"/>
    <col min="14085" max="14085" width="9.25" style="31" customWidth="1"/>
    <col min="14086" max="14086" width="9" style="31"/>
    <col min="14087" max="14087" width="8.375" style="31" customWidth="1"/>
    <col min="14088" max="14088" width="9" style="31"/>
    <col min="14089" max="14089" width="5.625" style="31" customWidth="1"/>
    <col min="14090" max="14091" width="5.75" style="31" customWidth="1"/>
    <col min="14092" max="14092" width="7.625" style="31" customWidth="1"/>
    <col min="14093" max="14093" width="5.75" style="31" customWidth="1"/>
    <col min="14094" max="14094" width="6.625" style="31" customWidth="1"/>
    <col min="14095" max="14095" width="5.5" style="31" customWidth="1"/>
    <col min="14096" max="14096" width="6" style="31" customWidth="1"/>
    <col min="14097" max="14097" width="6.625" style="31" customWidth="1"/>
    <col min="14098" max="14099" width="7.5" style="31" customWidth="1"/>
    <col min="14100" max="14100" width="8" style="31" customWidth="1"/>
    <col min="14101" max="14101" width="7.375" style="31" customWidth="1"/>
    <col min="14102" max="14102" width="8.5" style="31" customWidth="1"/>
    <col min="14103" max="14103" width="6.625" style="31" customWidth="1"/>
    <col min="14104" max="14336" width="9" style="31"/>
    <col min="14337" max="14337" width="11" style="31" customWidth="1"/>
    <col min="14338" max="14338" width="6.25" style="31" customWidth="1"/>
    <col min="14339" max="14339" width="9.5" style="31" customWidth="1"/>
    <col min="14340" max="14340" width="7.5" style="31" customWidth="1"/>
    <col min="14341" max="14341" width="9.25" style="31" customWidth="1"/>
    <col min="14342" max="14342" width="9" style="31"/>
    <col min="14343" max="14343" width="8.375" style="31" customWidth="1"/>
    <col min="14344" max="14344" width="9" style="31"/>
    <col min="14345" max="14345" width="5.625" style="31" customWidth="1"/>
    <col min="14346" max="14347" width="5.75" style="31" customWidth="1"/>
    <col min="14348" max="14348" width="7.625" style="31" customWidth="1"/>
    <col min="14349" max="14349" width="5.75" style="31" customWidth="1"/>
    <col min="14350" max="14350" width="6.625" style="31" customWidth="1"/>
    <col min="14351" max="14351" width="5.5" style="31" customWidth="1"/>
    <col min="14352" max="14352" width="6" style="31" customWidth="1"/>
    <col min="14353" max="14353" width="6.625" style="31" customWidth="1"/>
    <col min="14354" max="14355" width="7.5" style="31" customWidth="1"/>
    <col min="14356" max="14356" width="8" style="31" customWidth="1"/>
    <col min="14357" max="14357" width="7.375" style="31" customWidth="1"/>
    <col min="14358" max="14358" width="8.5" style="31" customWidth="1"/>
    <col min="14359" max="14359" width="6.625" style="31" customWidth="1"/>
    <col min="14360" max="14592" width="9" style="31"/>
    <col min="14593" max="14593" width="11" style="31" customWidth="1"/>
    <col min="14594" max="14594" width="6.25" style="31" customWidth="1"/>
    <col min="14595" max="14595" width="9.5" style="31" customWidth="1"/>
    <col min="14596" max="14596" width="7.5" style="31" customWidth="1"/>
    <col min="14597" max="14597" width="9.25" style="31" customWidth="1"/>
    <col min="14598" max="14598" width="9" style="31"/>
    <col min="14599" max="14599" width="8.375" style="31" customWidth="1"/>
    <col min="14600" max="14600" width="9" style="31"/>
    <col min="14601" max="14601" width="5.625" style="31" customWidth="1"/>
    <col min="14602" max="14603" width="5.75" style="31" customWidth="1"/>
    <col min="14604" max="14604" width="7.625" style="31" customWidth="1"/>
    <col min="14605" max="14605" width="5.75" style="31" customWidth="1"/>
    <col min="14606" max="14606" width="6.625" style="31" customWidth="1"/>
    <col min="14607" max="14607" width="5.5" style="31" customWidth="1"/>
    <col min="14608" max="14608" width="6" style="31" customWidth="1"/>
    <col min="14609" max="14609" width="6.625" style="31" customWidth="1"/>
    <col min="14610" max="14611" width="7.5" style="31" customWidth="1"/>
    <col min="14612" max="14612" width="8" style="31" customWidth="1"/>
    <col min="14613" max="14613" width="7.375" style="31" customWidth="1"/>
    <col min="14614" max="14614" width="8.5" style="31" customWidth="1"/>
    <col min="14615" max="14615" width="6.625" style="31" customWidth="1"/>
    <col min="14616" max="14848" width="9" style="31"/>
    <col min="14849" max="14849" width="11" style="31" customWidth="1"/>
    <col min="14850" max="14850" width="6.25" style="31" customWidth="1"/>
    <col min="14851" max="14851" width="9.5" style="31" customWidth="1"/>
    <col min="14852" max="14852" width="7.5" style="31" customWidth="1"/>
    <col min="14853" max="14853" width="9.25" style="31" customWidth="1"/>
    <col min="14854" max="14854" width="9" style="31"/>
    <col min="14855" max="14855" width="8.375" style="31" customWidth="1"/>
    <col min="14856" max="14856" width="9" style="31"/>
    <col min="14857" max="14857" width="5.625" style="31" customWidth="1"/>
    <col min="14858" max="14859" width="5.75" style="31" customWidth="1"/>
    <col min="14860" max="14860" width="7.625" style="31" customWidth="1"/>
    <col min="14861" max="14861" width="5.75" style="31" customWidth="1"/>
    <col min="14862" max="14862" width="6.625" style="31" customWidth="1"/>
    <col min="14863" max="14863" width="5.5" style="31" customWidth="1"/>
    <col min="14864" max="14864" width="6" style="31" customWidth="1"/>
    <col min="14865" max="14865" width="6.625" style="31" customWidth="1"/>
    <col min="14866" max="14867" width="7.5" style="31" customWidth="1"/>
    <col min="14868" max="14868" width="8" style="31" customWidth="1"/>
    <col min="14869" max="14869" width="7.375" style="31" customWidth="1"/>
    <col min="14870" max="14870" width="8.5" style="31" customWidth="1"/>
    <col min="14871" max="14871" width="6.625" style="31" customWidth="1"/>
    <col min="14872" max="15104" width="9" style="31"/>
    <col min="15105" max="15105" width="11" style="31" customWidth="1"/>
    <col min="15106" max="15106" width="6.25" style="31" customWidth="1"/>
    <col min="15107" max="15107" width="9.5" style="31" customWidth="1"/>
    <col min="15108" max="15108" width="7.5" style="31" customWidth="1"/>
    <col min="15109" max="15109" width="9.25" style="31" customWidth="1"/>
    <col min="15110" max="15110" width="9" style="31"/>
    <col min="15111" max="15111" width="8.375" style="31" customWidth="1"/>
    <col min="15112" max="15112" width="9" style="31"/>
    <col min="15113" max="15113" width="5.625" style="31" customWidth="1"/>
    <col min="15114" max="15115" width="5.75" style="31" customWidth="1"/>
    <col min="15116" max="15116" width="7.625" style="31" customWidth="1"/>
    <col min="15117" max="15117" width="5.75" style="31" customWidth="1"/>
    <col min="15118" max="15118" width="6.625" style="31" customWidth="1"/>
    <col min="15119" max="15119" width="5.5" style="31" customWidth="1"/>
    <col min="15120" max="15120" width="6" style="31" customWidth="1"/>
    <col min="15121" max="15121" width="6.625" style="31" customWidth="1"/>
    <col min="15122" max="15123" width="7.5" style="31" customWidth="1"/>
    <col min="15124" max="15124" width="8" style="31" customWidth="1"/>
    <col min="15125" max="15125" width="7.375" style="31" customWidth="1"/>
    <col min="15126" max="15126" width="8.5" style="31" customWidth="1"/>
    <col min="15127" max="15127" width="6.625" style="31" customWidth="1"/>
    <col min="15128" max="15360" width="9" style="31"/>
    <col min="15361" max="15361" width="11" style="31" customWidth="1"/>
    <col min="15362" max="15362" width="6.25" style="31" customWidth="1"/>
    <col min="15363" max="15363" width="9.5" style="31" customWidth="1"/>
    <col min="15364" max="15364" width="7.5" style="31" customWidth="1"/>
    <col min="15365" max="15365" width="9.25" style="31" customWidth="1"/>
    <col min="15366" max="15366" width="9" style="31"/>
    <col min="15367" max="15367" width="8.375" style="31" customWidth="1"/>
    <col min="15368" max="15368" width="9" style="31"/>
    <col min="15369" max="15369" width="5.625" style="31" customWidth="1"/>
    <col min="15370" max="15371" width="5.75" style="31" customWidth="1"/>
    <col min="15372" max="15372" width="7.625" style="31" customWidth="1"/>
    <col min="15373" max="15373" width="5.75" style="31" customWidth="1"/>
    <col min="15374" max="15374" width="6.625" style="31" customWidth="1"/>
    <col min="15375" max="15375" width="5.5" style="31" customWidth="1"/>
    <col min="15376" max="15376" width="6" style="31" customWidth="1"/>
    <col min="15377" max="15377" width="6.625" style="31" customWidth="1"/>
    <col min="15378" max="15379" width="7.5" style="31" customWidth="1"/>
    <col min="15380" max="15380" width="8" style="31" customWidth="1"/>
    <col min="15381" max="15381" width="7.375" style="31" customWidth="1"/>
    <col min="15382" max="15382" width="8.5" style="31" customWidth="1"/>
    <col min="15383" max="15383" width="6.625" style="31" customWidth="1"/>
    <col min="15384" max="15616" width="9" style="31"/>
    <col min="15617" max="15617" width="11" style="31" customWidth="1"/>
    <col min="15618" max="15618" width="6.25" style="31" customWidth="1"/>
    <col min="15619" max="15619" width="9.5" style="31" customWidth="1"/>
    <col min="15620" max="15620" width="7.5" style="31" customWidth="1"/>
    <col min="15621" max="15621" width="9.25" style="31" customWidth="1"/>
    <col min="15622" max="15622" width="9" style="31"/>
    <col min="15623" max="15623" width="8.375" style="31" customWidth="1"/>
    <col min="15624" max="15624" width="9" style="31"/>
    <col min="15625" max="15625" width="5.625" style="31" customWidth="1"/>
    <col min="15626" max="15627" width="5.75" style="31" customWidth="1"/>
    <col min="15628" max="15628" width="7.625" style="31" customWidth="1"/>
    <col min="15629" max="15629" width="5.75" style="31" customWidth="1"/>
    <col min="15630" max="15630" width="6.625" style="31" customWidth="1"/>
    <col min="15631" max="15631" width="5.5" style="31" customWidth="1"/>
    <col min="15632" max="15632" width="6" style="31" customWidth="1"/>
    <col min="15633" max="15633" width="6.625" style="31" customWidth="1"/>
    <col min="15634" max="15635" width="7.5" style="31" customWidth="1"/>
    <col min="15636" max="15636" width="8" style="31" customWidth="1"/>
    <col min="15637" max="15637" width="7.375" style="31" customWidth="1"/>
    <col min="15638" max="15638" width="8.5" style="31" customWidth="1"/>
    <col min="15639" max="15639" width="6.625" style="31" customWidth="1"/>
    <col min="15640" max="15872" width="9" style="31"/>
    <col min="15873" max="15873" width="11" style="31" customWidth="1"/>
    <col min="15874" max="15874" width="6.25" style="31" customWidth="1"/>
    <col min="15875" max="15875" width="9.5" style="31" customWidth="1"/>
    <col min="15876" max="15876" width="7.5" style="31" customWidth="1"/>
    <col min="15877" max="15877" width="9.25" style="31" customWidth="1"/>
    <col min="15878" max="15878" width="9" style="31"/>
    <col min="15879" max="15879" width="8.375" style="31" customWidth="1"/>
    <col min="15880" max="15880" width="9" style="31"/>
    <col min="15881" max="15881" width="5.625" style="31" customWidth="1"/>
    <col min="15882" max="15883" width="5.75" style="31" customWidth="1"/>
    <col min="15884" max="15884" width="7.625" style="31" customWidth="1"/>
    <col min="15885" max="15885" width="5.75" style="31" customWidth="1"/>
    <col min="15886" max="15886" width="6.625" style="31" customWidth="1"/>
    <col min="15887" max="15887" width="5.5" style="31" customWidth="1"/>
    <col min="15888" max="15888" width="6" style="31" customWidth="1"/>
    <col min="15889" max="15889" width="6.625" style="31" customWidth="1"/>
    <col min="15890" max="15891" width="7.5" style="31" customWidth="1"/>
    <col min="15892" max="15892" width="8" style="31" customWidth="1"/>
    <col min="15893" max="15893" width="7.375" style="31" customWidth="1"/>
    <col min="15894" max="15894" width="8.5" style="31" customWidth="1"/>
    <col min="15895" max="15895" width="6.625" style="31" customWidth="1"/>
    <col min="15896" max="16128" width="9" style="31"/>
    <col min="16129" max="16129" width="11" style="31" customWidth="1"/>
    <col min="16130" max="16130" width="6.25" style="31" customWidth="1"/>
    <col min="16131" max="16131" width="9.5" style="31" customWidth="1"/>
    <col min="16132" max="16132" width="7.5" style="31" customWidth="1"/>
    <col min="16133" max="16133" width="9.25" style="31" customWidth="1"/>
    <col min="16134" max="16134" width="9" style="31"/>
    <col min="16135" max="16135" width="8.375" style="31" customWidth="1"/>
    <col min="16136" max="16136" width="9" style="31"/>
    <col min="16137" max="16137" width="5.625" style="31" customWidth="1"/>
    <col min="16138" max="16139" width="5.75" style="31" customWidth="1"/>
    <col min="16140" max="16140" width="7.625" style="31" customWidth="1"/>
    <col min="16141" max="16141" width="5.75" style="31" customWidth="1"/>
    <col min="16142" max="16142" width="6.625" style="31" customWidth="1"/>
    <col min="16143" max="16143" width="5.5" style="31" customWidth="1"/>
    <col min="16144" max="16144" width="6" style="31" customWidth="1"/>
    <col min="16145" max="16145" width="6.625" style="31" customWidth="1"/>
    <col min="16146" max="16147" width="7.5" style="31" customWidth="1"/>
    <col min="16148" max="16148" width="8" style="31" customWidth="1"/>
    <col min="16149" max="16149" width="7.375" style="31" customWidth="1"/>
    <col min="16150" max="16150" width="8.5" style="31" customWidth="1"/>
    <col min="16151" max="16151" width="6.625" style="31" customWidth="1"/>
    <col min="16152" max="16384" width="9" style="31"/>
  </cols>
  <sheetData>
    <row r="1" spans="1:23" ht="23.25" customHeight="1" x14ac:dyDescent="0.15">
      <c r="A1" s="28" t="s">
        <v>136</v>
      </c>
      <c r="B1" s="30"/>
    </row>
    <row r="2" spans="1:23" ht="18.75" x14ac:dyDescent="0.2">
      <c r="F2" s="3" t="s">
        <v>85</v>
      </c>
    </row>
    <row r="3" spans="1:23" x14ac:dyDescent="0.15">
      <c r="R3" s="32" t="s">
        <v>5</v>
      </c>
      <c r="S3" s="32"/>
      <c r="T3" s="32"/>
      <c r="U3" s="32"/>
      <c r="V3" s="32"/>
      <c r="W3" s="32"/>
    </row>
    <row r="4" spans="1:23" x14ac:dyDescent="0.15">
      <c r="R4" s="29"/>
      <c r="S4" s="29"/>
      <c r="T4" s="29"/>
      <c r="U4" s="29"/>
      <c r="V4" s="29"/>
      <c r="W4" s="29"/>
    </row>
    <row r="5" spans="1:23" ht="13.7" customHeight="1" x14ac:dyDescent="0.15">
      <c r="A5" s="88" t="s">
        <v>6</v>
      </c>
      <c r="B5" s="89"/>
      <c r="C5" s="92" t="s">
        <v>5</v>
      </c>
      <c r="D5" s="94" t="s">
        <v>7</v>
      </c>
      <c r="E5" s="94" t="s">
        <v>8</v>
      </c>
      <c r="F5" s="96" t="s">
        <v>9</v>
      </c>
      <c r="G5" s="94" t="s">
        <v>10</v>
      </c>
      <c r="H5" s="96" t="s">
        <v>88</v>
      </c>
      <c r="I5" s="88" t="s">
        <v>135</v>
      </c>
      <c r="J5" s="121"/>
      <c r="K5" s="121"/>
      <c r="L5" s="121"/>
      <c r="M5" s="121"/>
      <c r="N5" s="121"/>
      <c r="O5" s="121"/>
      <c r="P5" s="121"/>
      <c r="Q5" s="121"/>
      <c r="R5" s="121"/>
      <c r="S5" s="121"/>
      <c r="T5" s="89"/>
      <c r="U5" s="94" t="s">
        <v>87</v>
      </c>
      <c r="V5" s="94" t="s">
        <v>89</v>
      </c>
      <c r="W5" s="92" t="s">
        <v>11</v>
      </c>
    </row>
    <row r="6" spans="1:23" ht="13.7" customHeight="1" x14ac:dyDescent="0.15">
      <c r="A6" s="90"/>
      <c r="B6" s="91"/>
      <c r="C6" s="93"/>
      <c r="D6" s="95"/>
      <c r="E6" s="95"/>
      <c r="F6" s="97"/>
      <c r="G6" s="95"/>
      <c r="H6" s="97"/>
      <c r="I6" s="122"/>
      <c r="J6" s="123"/>
      <c r="K6" s="123"/>
      <c r="L6" s="123"/>
      <c r="M6" s="123"/>
      <c r="N6" s="123"/>
      <c r="O6" s="123"/>
      <c r="P6" s="123"/>
      <c r="Q6" s="123"/>
      <c r="R6" s="123"/>
      <c r="S6" s="123"/>
      <c r="T6" s="113"/>
      <c r="U6" s="95"/>
      <c r="V6" s="95"/>
      <c r="W6" s="93"/>
    </row>
    <row r="7" spans="1:23" ht="28.5" customHeight="1" x14ac:dyDescent="0.15">
      <c r="A7" s="90"/>
      <c r="B7" s="91"/>
      <c r="C7" s="93"/>
      <c r="D7" s="95"/>
      <c r="E7" s="95"/>
      <c r="F7" s="97"/>
      <c r="G7" s="95"/>
      <c r="H7" s="97"/>
      <c r="I7" s="99" t="s">
        <v>12</v>
      </c>
      <c r="J7" s="100"/>
      <c r="K7" s="100"/>
      <c r="L7" s="101" t="s">
        <v>13</v>
      </c>
      <c r="M7" s="102"/>
      <c r="N7" s="102"/>
      <c r="O7" s="102"/>
      <c r="P7" s="102"/>
      <c r="Q7" s="99"/>
      <c r="R7" s="96" t="s">
        <v>133</v>
      </c>
      <c r="S7" s="104" t="s">
        <v>134</v>
      </c>
      <c r="T7" s="92" t="s">
        <v>1</v>
      </c>
      <c r="U7" s="95"/>
      <c r="V7" s="95"/>
      <c r="W7" s="93"/>
    </row>
    <row r="8" spans="1:23" ht="48.75" customHeight="1" x14ac:dyDescent="0.15">
      <c r="A8" s="90"/>
      <c r="B8" s="91"/>
      <c r="C8" s="93"/>
      <c r="D8" s="95"/>
      <c r="E8" s="95"/>
      <c r="F8" s="97"/>
      <c r="G8" s="95"/>
      <c r="H8" s="97"/>
      <c r="I8" s="89" t="s">
        <v>0</v>
      </c>
      <c r="J8" s="92" t="s">
        <v>14</v>
      </c>
      <c r="K8" s="92" t="s">
        <v>15</v>
      </c>
      <c r="L8" s="109" t="s">
        <v>16</v>
      </c>
      <c r="M8" s="107" t="s">
        <v>17</v>
      </c>
      <c r="N8" s="109" t="s">
        <v>18</v>
      </c>
      <c r="O8" s="107" t="s">
        <v>94</v>
      </c>
      <c r="P8" s="109" t="s">
        <v>19</v>
      </c>
      <c r="Q8" s="111" t="s">
        <v>20</v>
      </c>
      <c r="R8" s="97"/>
      <c r="S8" s="105"/>
      <c r="T8" s="93"/>
      <c r="U8" s="95"/>
      <c r="V8" s="95"/>
      <c r="W8" s="93"/>
    </row>
    <row r="9" spans="1:23" s="37" customFormat="1" ht="11.25" customHeight="1" x14ac:dyDescent="0.15">
      <c r="A9" s="33"/>
      <c r="B9" s="34"/>
      <c r="C9" s="35"/>
      <c r="D9" s="35"/>
      <c r="E9" s="36" t="s">
        <v>137</v>
      </c>
      <c r="F9" s="36" t="s">
        <v>138</v>
      </c>
      <c r="G9" s="36" t="s">
        <v>139</v>
      </c>
      <c r="H9" s="36" t="s">
        <v>140</v>
      </c>
      <c r="I9" s="113"/>
      <c r="J9" s="98"/>
      <c r="K9" s="98"/>
      <c r="L9" s="110"/>
      <c r="M9" s="108"/>
      <c r="N9" s="110"/>
      <c r="O9" s="108"/>
      <c r="P9" s="110"/>
      <c r="Q9" s="112"/>
      <c r="R9" s="103"/>
      <c r="S9" s="106"/>
      <c r="T9" s="36" t="s">
        <v>141</v>
      </c>
      <c r="U9" s="36" t="s">
        <v>142</v>
      </c>
      <c r="V9" s="36" t="s">
        <v>143</v>
      </c>
      <c r="W9" s="98"/>
    </row>
    <row r="10" spans="1:23" s="37" customFormat="1" ht="11.25" customHeight="1" x14ac:dyDescent="0.15">
      <c r="A10" s="38"/>
      <c r="B10" s="39"/>
      <c r="C10" s="40"/>
      <c r="D10" s="41"/>
      <c r="E10" s="42" t="s">
        <v>132</v>
      </c>
      <c r="F10" s="43" t="s">
        <v>132</v>
      </c>
      <c r="G10" s="42" t="s">
        <v>22</v>
      </c>
      <c r="H10" s="40" t="s">
        <v>22</v>
      </c>
      <c r="I10" s="44" t="s">
        <v>4</v>
      </c>
      <c r="J10" s="44" t="s">
        <v>22</v>
      </c>
      <c r="K10" s="44" t="s">
        <v>22</v>
      </c>
      <c r="L10" s="45" t="s">
        <v>22</v>
      </c>
      <c r="M10" s="45" t="s">
        <v>22</v>
      </c>
      <c r="N10" s="45" t="s">
        <v>22</v>
      </c>
      <c r="O10" s="46" t="s">
        <v>22</v>
      </c>
      <c r="P10" s="45" t="s">
        <v>22</v>
      </c>
      <c r="Q10" s="45" t="s">
        <v>22</v>
      </c>
      <c r="R10" s="41" t="s">
        <v>22</v>
      </c>
      <c r="S10" s="42"/>
      <c r="T10" s="39" t="s">
        <v>22</v>
      </c>
      <c r="U10" s="40" t="s">
        <v>22</v>
      </c>
      <c r="V10" s="40" t="s">
        <v>22</v>
      </c>
      <c r="W10" s="40"/>
    </row>
    <row r="11" spans="1:23" ht="15.95" customHeight="1" x14ac:dyDescent="0.15">
      <c r="A11" s="47" t="s">
        <v>21</v>
      </c>
      <c r="B11" s="48"/>
      <c r="C11" s="119"/>
      <c r="D11" s="119"/>
      <c r="E11" s="49" t="s">
        <v>144</v>
      </c>
      <c r="F11" s="50" t="s">
        <v>144</v>
      </c>
      <c r="G11" s="51"/>
      <c r="H11" s="51"/>
      <c r="I11" s="51"/>
      <c r="J11" s="51"/>
      <c r="K11" s="51"/>
      <c r="L11" s="51"/>
      <c r="M11" s="51"/>
      <c r="N11" s="51"/>
      <c r="O11" s="51"/>
      <c r="P11" s="51"/>
      <c r="Q11" s="51"/>
      <c r="R11" s="52"/>
      <c r="S11" s="51"/>
      <c r="T11" s="53"/>
      <c r="U11" s="51"/>
      <c r="V11" s="51"/>
      <c r="W11" s="54"/>
    </row>
    <row r="12" spans="1:23" ht="15.95" customHeight="1" x14ac:dyDescent="0.15">
      <c r="A12" s="55"/>
      <c r="B12" s="56"/>
      <c r="C12" s="115"/>
      <c r="D12" s="115"/>
      <c r="E12" s="58"/>
      <c r="F12" s="59"/>
      <c r="G12" s="60"/>
      <c r="H12" s="60"/>
      <c r="I12" s="60"/>
      <c r="J12" s="60"/>
      <c r="K12" s="60"/>
      <c r="L12" s="60"/>
      <c r="M12" s="60"/>
      <c r="N12" s="60"/>
      <c r="O12" s="60"/>
      <c r="P12" s="60"/>
      <c r="Q12" s="60"/>
      <c r="R12" s="61"/>
      <c r="S12" s="60"/>
      <c r="T12" s="62"/>
      <c r="U12" s="60"/>
      <c r="V12" s="60"/>
      <c r="W12" s="54"/>
    </row>
    <row r="13" spans="1:23" ht="15.95" customHeight="1" x14ac:dyDescent="0.15">
      <c r="A13" s="63" t="s">
        <v>23</v>
      </c>
      <c r="B13" s="64"/>
      <c r="C13" s="114"/>
      <c r="D13" s="114"/>
      <c r="E13" s="66" t="s">
        <v>145</v>
      </c>
      <c r="F13" s="67" t="s">
        <v>145</v>
      </c>
      <c r="G13" s="68"/>
      <c r="H13" s="68"/>
      <c r="I13" s="68"/>
      <c r="J13" s="68"/>
      <c r="K13" s="68"/>
      <c r="L13" s="68"/>
      <c r="M13" s="68"/>
      <c r="N13" s="68"/>
      <c r="O13" s="68"/>
      <c r="P13" s="68"/>
      <c r="Q13" s="68"/>
      <c r="R13" s="69"/>
      <c r="S13" s="68"/>
      <c r="T13" s="70"/>
      <c r="U13" s="68"/>
      <c r="V13" s="68"/>
      <c r="W13" s="71"/>
    </row>
    <row r="14" spans="1:23" ht="15.95" customHeight="1" x14ac:dyDescent="0.15">
      <c r="A14" s="72"/>
      <c r="B14" s="56"/>
      <c r="C14" s="115"/>
      <c r="D14" s="115"/>
      <c r="E14" s="58"/>
      <c r="F14" s="59"/>
      <c r="G14" s="73"/>
      <c r="H14" s="73"/>
      <c r="I14" s="73"/>
      <c r="J14" s="73"/>
      <c r="K14" s="73"/>
      <c r="L14" s="73"/>
      <c r="M14" s="73"/>
      <c r="N14" s="73"/>
      <c r="O14" s="73"/>
      <c r="P14" s="73"/>
      <c r="Q14" s="73"/>
      <c r="R14" s="74"/>
      <c r="S14" s="73"/>
      <c r="T14" s="75"/>
      <c r="U14" s="73"/>
      <c r="V14" s="73"/>
      <c r="W14" s="120" t="s">
        <v>84</v>
      </c>
    </row>
    <row r="15" spans="1:23" ht="15.95" customHeight="1" x14ac:dyDescent="0.15">
      <c r="A15" s="76"/>
      <c r="B15" s="77" t="s">
        <v>24</v>
      </c>
      <c r="C15" s="114"/>
      <c r="D15" s="114"/>
      <c r="E15" s="66" t="s">
        <v>145</v>
      </c>
      <c r="F15" s="67" t="s">
        <v>145</v>
      </c>
      <c r="G15" s="68"/>
      <c r="H15" s="68"/>
      <c r="I15" s="68"/>
      <c r="J15" s="68"/>
      <c r="K15" s="68"/>
      <c r="L15" s="68"/>
      <c r="M15" s="68"/>
      <c r="N15" s="68"/>
      <c r="O15" s="68"/>
      <c r="P15" s="68"/>
      <c r="Q15" s="68"/>
      <c r="R15" s="69"/>
      <c r="S15" s="68"/>
      <c r="T15" s="70"/>
      <c r="U15" s="68"/>
      <c r="V15" s="68"/>
      <c r="W15" s="120"/>
    </row>
    <row r="16" spans="1:23" ht="15.95" customHeight="1" x14ac:dyDescent="0.15">
      <c r="A16" s="54"/>
      <c r="B16" s="78"/>
      <c r="C16" s="115"/>
      <c r="D16" s="115"/>
      <c r="E16" s="58"/>
      <c r="F16" s="59"/>
      <c r="G16" s="73"/>
      <c r="H16" s="73"/>
      <c r="I16" s="73"/>
      <c r="J16" s="73"/>
      <c r="K16" s="73"/>
      <c r="L16" s="73"/>
      <c r="M16" s="73"/>
      <c r="N16" s="73"/>
      <c r="O16" s="73"/>
      <c r="P16" s="73"/>
      <c r="Q16" s="73"/>
      <c r="R16" s="74"/>
      <c r="S16" s="73"/>
      <c r="T16" s="75"/>
      <c r="U16" s="73"/>
      <c r="V16" s="73"/>
      <c r="W16" s="120"/>
    </row>
    <row r="17" spans="1:23" ht="15.95" customHeight="1" x14ac:dyDescent="0.15">
      <c r="A17" s="54" t="s">
        <v>146</v>
      </c>
      <c r="B17" s="116" t="s">
        <v>25</v>
      </c>
      <c r="C17" s="114"/>
      <c r="D17" s="114"/>
      <c r="E17" s="66" t="s">
        <v>145</v>
      </c>
      <c r="F17" s="67" t="s">
        <v>145</v>
      </c>
      <c r="G17" s="68"/>
      <c r="H17" s="68"/>
      <c r="I17" s="68"/>
      <c r="J17" s="68"/>
      <c r="K17" s="68"/>
      <c r="L17" s="68"/>
      <c r="M17" s="68"/>
      <c r="N17" s="68"/>
      <c r="O17" s="68"/>
      <c r="P17" s="68"/>
      <c r="Q17" s="68"/>
      <c r="R17" s="69"/>
      <c r="S17" s="68"/>
      <c r="T17" s="70"/>
      <c r="U17" s="68"/>
      <c r="V17" s="68"/>
      <c r="W17" s="120"/>
    </row>
    <row r="18" spans="1:23" ht="15.95" customHeight="1" x14ac:dyDescent="0.15">
      <c r="A18" s="54" t="s">
        <v>147</v>
      </c>
      <c r="B18" s="117"/>
      <c r="C18" s="115"/>
      <c r="D18" s="115"/>
      <c r="E18" s="58"/>
      <c r="F18" s="59"/>
      <c r="G18" s="73"/>
      <c r="H18" s="73"/>
      <c r="I18" s="73"/>
      <c r="J18" s="73"/>
      <c r="K18" s="73"/>
      <c r="L18" s="73"/>
      <c r="M18" s="73"/>
      <c r="N18" s="73"/>
      <c r="O18" s="73"/>
      <c r="P18" s="73"/>
      <c r="Q18" s="73"/>
      <c r="R18" s="74"/>
      <c r="S18" s="73"/>
      <c r="T18" s="75"/>
      <c r="U18" s="73"/>
      <c r="V18" s="73"/>
      <c r="W18" s="120"/>
    </row>
    <row r="19" spans="1:23" ht="15.95" customHeight="1" x14ac:dyDescent="0.15">
      <c r="A19" s="54"/>
      <c r="B19" s="77" t="s">
        <v>26</v>
      </c>
      <c r="C19" s="114"/>
      <c r="D19" s="114"/>
      <c r="E19" s="66" t="s">
        <v>145</v>
      </c>
      <c r="F19" s="67" t="s">
        <v>145</v>
      </c>
      <c r="G19" s="68"/>
      <c r="H19" s="68"/>
      <c r="I19" s="68"/>
      <c r="J19" s="68"/>
      <c r="K19" s="68"/>
      <c r="L19" s="68"/>
      <c r="M19" s="68"/>
      <c r="N19" s="68"/>
      <c r="O19" s="68"/>
      <c r="P19" s="68"/>
      <c r="Q19" s="68"/>
      <c r="R19" s="69"/>
      <c r="S19" s="68"/>
      <c r="T19" s="70"/>
      <c r="U19" s="68"/>
      <c r="V19" s="68"/>
      <c r="W19" s="120"/>
    </row>
    <row r="20" spans="1:23" ht="15.95" customHeight="1" x14ac:dyDescent="0.15">
      <c r="A20" s="79"/>
      <c r="B20" s="78"/>
      <c r="C20" s="115"/>
      <c r="D20" s="115"/>
      <c r="E20" s="58"/>
      <c r="F20" s="59"/>
      <c r="G20" s="73"/>
      <c r="H20" s="73"/>
      <c r="I20" s="73"/>
      <c r="J20" s="73"/>
      <c r="K20" s="73"/>
      <c r="L20" s="73"/>
      <c r="M20" s="73"/>
      <c r="N20" s="73"/>
      <c r="O20" s="73"/>
      <c r="P20" s="73"/>
      <c r="Q20" s="73"/>
      <c r="R20" s="74"/>
      <c r="S20" s="73"/>
      <c r="T20" s="75"/>
      <c r="U20" s="73"/>
      <c r="V20" s="73"/>
      <c r="W20" s="71"/>
    </row>
    <row r="21" spans="1:23" ht="15.95" customHeight="1" x14ac:dyDescent="0.15">
      <c r="A21" s="76"/>
      <c r="B21" s="77" t="s">
        <v>24</v>
      </c>
      <c r="C21" s="114"/>
      <c r="D21" s="114"/>
      <c r="E21" s="66" t="s">
        <v>145</v>
      </c>
      <c r="F21" s="67" t="s">
        <v>145</v>
      </c>
      <c r="G21" s="68"/>
      <c r="H21" s="68"/>
      <c r="I21" s="68"/>
      <c r="J21" s="68"/>
      <c r="K21" s="68"/>
      <c r="L21" s="68"/>
      <c r="M21" s="68"/>
      <c r="N21" s="68"/>
      <c r="O21" s="68"/>
      <c r="P21" s="68"/>
      <c r="Q21" s="68"/>
      <c r="R21" s="69"/>
      <c r="S21" s="68"/>
      <c r="T21" s="70"/>
      <c r="U21" s="68"/>
      <c r="V21" s="68"/>
      <c r="W21" s="71"/>
    </row>
    <row r="22" spans="1:23" ht="15.95" customHeight="1" x14ac:dyDescent="0.15">
      <c r="A22" s="54"/>
      <c r="B22" s="78"/>
      <c r="C22" s="115"/>
      <c r="D22" s="115"/>
      <c r="E22" s="58"/>
      <c r="F22" s="59"/>
      <c r="G22" s="73"/>
      <c r="H22" s="73"/>
      <c r="I22" s="73"/>
      <c r="J22" s="73"/>
      <c r="K22" s="73"/>
      <c r="L22" s="73"/>
      <c r="M22" s="73"/>
      <c r="N22" s="73"/>
      <c r="O22" s="73"/>
      <c r="P22" s="73"/>
      <c r="Q22" s="73"/>
      <c r="R22" s="74"/>
      <c r="S22" s="73"/>
      <c r="T22" s="75"/>
      <c r="U22" s="73"/>
      <c r="V22" s="73"/>
      <c r="W22" s="71"/>
    </row>
    <row r="23" spans="1:23" ht="15.95" customHeight="1" x14ac:dyDescent="0.15">
      <c r="A23" s="54" t="s">
        <v>146</v>
      </c>
      <c r="B23" s="77" t="s">
        <v>26</v>
      </c>
      <c r="C23" s="114"/>
      <c r="D23" s="114"/>
      <c r="E23" s="66" t="s">
        <v>145</v>
      </c>
      <c r="F23" s="67" t="s">
        <v>145</v>
      </c>
      <c r="G23" s="68"/>
      <c r="H23" s="68"/>
      <c r="I23" s="68"/>
      <c r="J23" s="68"/>
      <c r="K23" s="68"/>
      <c r="L23" s="68"/>
      <c r="M23" s="68"/>
      <c r="N23" s="68"/>
      <c r="O23" s="68"/>
      <c r="P23" s="68"/>
      <c r="Q23" s="68"/>
      <c r="R23" s="69"/>
      <c r="S23" s="68"/>
      <c r="T23" s="70"/>
      <c r="U23" s="68"/>
      <c r="V23" s="68"/>
      <c r="W23" s="71"/>
    </row>
    <row r="24" spans="1:23" ht="15.95" customHeight="1" x14ac:dyDescent="0.15">
      <c r="A24" s="54" t="s">
        <v>148</v>
      </c>
      <c r="B24" s="78"/>
      <c r="C24" s="115"/>
      <c r="D24" s="115"/>
      <c r="E24" s="58"/>
      <c r="F24" s="59"/>
      <c r="G24" s="73"/>
      <c r="H24" s="73"/>
      <c r="I24" s="73"/>
      <c r="J24" s="73"/>
      <c r="K24" s="73"/>
      <c r="L24" s="73"/>
      <c r="M24" s="73"/>
      <c r="N24" s="73"/>
      <c r="O24" s="73"/>
      <c r="P24" s="73"/>
      <c r="Q24" s="73"/>
      <c r="R24" s="74"/>
      <c r="S24" s="73"/>
      <c r="T24" s="75"/>
      <c r="U24" s="73"/>
      <c r="V24" s="73"/>
      <c r="W24" s="71"/>
    </row>
    <row r="25" spans="1:23" ht="15.95" customHeight="1" x14ac:dyDescent="0.15">
      <c r="A25" s="54"/>
      <c r="B25" s="77" t="s">
        <v>27</v>
      </c>
      <c r="C25" s="114"/>
      <c r="D25" s="114"/>
      <c r="E25" s="66" t="s">
        <v>145</v>
      </c>
      <c r="F25" s="67" t="s">
        <v>145</v>
      </c>
      <c r="G25" s="68"/>
      <c r="H25" s="68"/>
      <c r="I25" s="68"/>
      <c r="J25" s="68"/>
      <c r="K25" s="68"/>
      <c r="L25" s="68"/>
      <c r="M25" s="68"/>
      <c r="N25" s="68"/>
      <c r="O25" s="68"/>
      <c r="P25" s="68"/>
      <c r="Q25" s="68"/>
      <c r="R25" s="69"/>
      <c r="S25" s="68"/>
      <c r="T25" s="70"/>
      <c r="U25" s="68"/>
      <c r="V25" s="68"/>
      <c r="W25" s="71"/>
    </row>
    <row r="26" spans="1:23" ht="15.95" customHeight="1" x14ac:dyDescent="0.15">
      <c r="A26" s="79"/>
      <c r="B26" s="78"/>
      <c r="C26" s="115"/>
      <c r="D26" s="115"/>
      <c r="E26" s="58"/>
      <c r="F26" s="59"/>
      <c r="G26" s="73"/>
      <c r="H26" s="73"/>
      <c r="I26" s="73"/>
      <c r="J26" s="73"/>
      <c r="K26" s="73"/>
      <c r="L26" s="73"/>
      <c r="M26" s="73"/>
      <c r="N26" s="73"/>
      <c r="O26" s="73"/>
      <c r="P26" s="73"/>
      <c r="Q26" s="73"/>
      <c r="R26" s="74"/>
      <c r="S26" s="73"/>
      <c r="T26" s="75"/>
      <c r="U26" s="73"/>
      <c r="V26" s="73"/>
      <c r="W26" s="71"/>
    </row>
    <row r="27" spans="1:23" ht="15.95" customHeight="1" x14ac:dyDescent="0.15">
      <c r="A27" s="80" t="s">
        <v>28</v>
      </c>
      <c r="B27" s="64"/>
      <c r="C27" s="114"/>
      <c r="D27" s="114"/>
      <c r="E27" s="66" t="s">
        <v>145</v>
      </c>
      <c r="F27" s="67" t="s">
        <v>145</v>
      </c>
      <c r="G27" s="68"/>
      <c r="H27" s="68"/>
      <c r="I27" s="68"/>
      <c r="J27" s="68"/>
      <c r="K27" s="68"/>
      <c r="L27" s="68"/>
      <c r="M27" s="68"/>
      <c r="N27" s="68"/>
      <c r="O27" s="68"/>
      <c r="P27" s="68"/>
      <c r="Q27" s="68"/>
      <c r="R27" s="68"/>
      <c r="S27" s="68"/>
      <c r="T27" s="68"/>
      <c r="U27" s="68"/>
      <c r="V27" s="68"/>
      <c r="W27" s="71"/>
    </row>
    <row r="28" spans="1:23" ht="15.95" customHeight="1" x14ac:dyDescent="0.15">
      <c r="A28" s="55"/>
      <c r="B28" s="56"/>
      <c r="C28" s="115"/>
      <c r="D28" s="115"/>
      <c r="E28" s="58"/>
      <c r="F28" s="59"/>
      <c r="G28" s="73"/>
      <c r="H28" s="73"/>
      <c r="I28" s="73"/>
      <c r="J28" s="73"/>
      <c r="K28" s="73"/>
      <c r="L28" s="73"/>
      <c r="M28" s="73"/>
      <c r="N28" s="73"/>
      <c r="O28" s="73"/>
      <c r="P28" s="73"/>
      <c r="Q28" s="73"/>
      <c r="R28" s="73"/>
      <c r="S28" s="73"/>
      <c r="T28" s="73"/>
      <c r="U28" s="73"/>
      <c r="V28" s="73"/>
      <c r="W28" s="71"/>
    </row>
    <row r="29" spans="1:23" ht="15.95" customHeight="1" x14ac:dyDescent="0.15">
      <c r="A29" s="81"/>
      <c r="B29" s="82"/>
      <c r="C29" s="83"/>
      <c r="D29" s="65"/>
      <c r="E29" s="84"/>
      <c r="F29" s="84"/>
      <c r="G29" s="68"/>
      <c r="H29" s="68"/>
      <c r="I29" s="68"/>
      <c r="J29" s="68"/>
      <c r="K29" s="68"/>
      <c r="L29" s="68"/>
      <c r="M29" s="68"/>
      <c r="N29" s="68"/>
      <c r="O29" s="68"/>
      <c r="P29" s="68"/>
      <c r="Q29" s="68"/>
      <c r="R29" s="68"/>
      <c r="S29" s="68"/>
      <c r="T29" s="68"/>
      <c r="U29" s="68"/>
      <c r="V29" s="68"/>
      <c r="W29" s="71"/>
    </row>
    <row r="30" spans="1:23" ht="27.2" customHeight="1" x14ac:dyDescent="0.15">
      <c r="A30" s="118" t="s">
        <v>29</v>
      </c>
      <c r="B30" s="118"/>
      <c r="C30" s="118"/>
      <c r="D30" s="57"/>
      <c r="E30" s="85"/>
      <c r="F30" s="85"/>
      <c r="G30" s="73"/>
      <c r="H30" s="73"/>
      <c r="I30" s="73"/>
      <c r="J30" s="73"/>
      <c r="K30" s="73"/>
      <c r="L30" s="73"/>
      <c r="M30" s="73"/>
      <c r="N30" s="73"/>
      <c r="O30" s="73"/>
      <c r="P30" s="73"/>
      <c r="Q30" s="73"/>
      <c r="R30" s="73"/>
      <c r="S30" s="73"/>
      <c r="T30" s="73"/>
      <c r="U30" s="73"/>
      <c r="V30" s="73"/>
      <c r="W30" s="86"/>
    </row>
    <row r="32" spans="1:23" x14ac:dyDescent="0.15">
      <c r="A32" s="2" t="s">
        <v>2</v>
      </c>
      <c r="B32" s="1" t="s">
        <v>31</v>
      </c>
    </row>
    <row r="33" spans="1:2" x14ac:dyDescent="0.15">
      <c r="A33"/>
      <c r="B33" s="27" t="s">
        <v>93</v>
      </c>
    </row>
    <row r="34" spans="1:2" x14ac:dyDescent="0.15">
      <c r="A34"/>
      <c r="B34" s="27" t="s">
        <v>92</v>
      </c>
    </row>
    <row r="35" spans="1:2" x14ac:dyDescent="0.15">
      <c r="A35"/>
      <c r="B35" s="1" t="s">
        <v>32</v>
      </c>
    </row>
    <row r="36" spans="1:2" x14ac:dyDescent="0.15">
      <c r="B36" s="87"/>
    </row>
  </sheetData>
  <mergeCells count="46">
    <mergeCell ref="W14:W19"/>
    <mergeCell ref="N8:N9"/>
    <mergeCell ref="C27:C28"/>
    <mergeCell ref="D27:D28"/>
    <mergeCell ref="D15:D16"/>
    <mergeCell ref="C17:C18"/>
    <mergeCell ref="D17:D18"/>
    <mergeCell ref="C19:C20"/>
    <mergeCell ref="D19:D20"/>
    <mergeCell ref="C21:C22"/>
    <mergeCell ref="D21:D22"/>
    <mergeCell ref="H5:H8"/>
    <mergeCell ref="I5:T6"/>
    <mergeCell ref="G5:G8"/>
    <mergeCell ref="C23:C24"/>
    <mergeCell ref="D23:D24"/>
    <mergeCell ref="C25:C26"/>
    <mergeCell ref="B17:B18"/>
    <mergeCell ref="A30:C30"/>
    <mergeCell ref="D11:D12"/>
    <mergeCell ref="D13:D14"/>
    <mergeCell ref="C11:C12"/>
    <mergeCell ref="C13:C14"/>
    <mergeCell ref="C15:C16"/>
    <mergeCell ref="D25:D26"/>
    <mergeCell ref="U5:U8"/>
    <mergeCell ref="V5:V8"/>
    <mergeCell ref="W5:W9"/>
    <mergeCell ref="I7:K7"/>
    <mergeCell ref="L7:Q7"/>
    <mergeCell ref="R7:R9"/>
    <mergeCell ref="S7:S9"/>
    <mergeCell ref="T7:T8"/>
    <mergeCell ref="O8:O9"/>
    <mergeCell ref="P8:P9"/>
    <mergeCell ref="Q8:Q9"/>
    <mergeCell ref="I8:I9"/>
    <mergeCell ref="J8:J9"/>
    <mergeCell ref="K8:K9"/>
    <mergeCell ref="L8:L9"/>
    <mergeCell ref="M8:M9"/>
    <mergeCell ref="A5:B8"/>
    <mergeCell ref="C5:C8"/>
    <mergeCell ref="D5:D8"/>
    <mergeCell ref="E5:E8"/>
    <mergeCell ref="F5:F8"/>
  </mergeCells>
  <phoneticPr fontId="12"/>
  <pageMargins left="0.26" right="0.2" top="0.59055118110236227" bottom="0.19685039370078741" header="0.51181102362204722" footer="0.51181102362204722"/>
  <pageSetup paperSize="9" scale="85" orientation="landscape" horizontalDpi="4294967292" r:id="rId1"/>
  <headerFooter alignWithMargins="0"/>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L101"/>
  <sheetViews>
    <sheetView view="pageBreakPreview" zoomScale="70" zoomScaleNormal="75" zoomScaleSheetLayoutView="70" workbookViewId="0">
      <selection activeCell="X32" sqref="X32"/>
    </sheetView>
  </sheetViews>
  <sheetFormatPr defaultRowHeight="13.5" x14ac:dyDescent="0.15"/>
  <cols>
    <col min="1" max="1" width="12.125" customWidth="1"/>
    <col min="2" max="2" width="13.75" customWidth="1"/>
    <col min="3" max="3" width="11.875" customWidth="1"/>
    <col min="4" max="4" width="13.5" customWidth="1"/>
    <col min="5" max="5" width="5.875" customWidth="1"/>
    <col min="6" max="6" width="9.875" customWidth="1"/>
    <col min="8" max="8" width="8" customWidth="1"/>
    <col min="9" max="10" width="4.875" customWidth="1"/>
    <col min="11" max="11" width="12.375" customWidth="1"/>
    <col min="12" max="12" width="8" customWidth="1"/>
    <col min="13" max="13" width="7.25" customWidth="1"/>
  </cols>
  <sheetData>
    <row r="1" spans="1:12" x14ac:dyDescent="0.15">
      <c r="A1" s="15" t="s">
        <v>83</v>
      </c>
    </row>
    <row r="2" spans="1:12" ht="16.5" customHeight="1" x14ac:dyDescent="0.15">
      <c r="C2" s="17" t="s">
        <v>33</v>
      </c>
      <c r="D2" s="17"/>
    </row>
    <row r="3" spans="1:12" x14ac:dyDescent="0.15">
      <c r="A3" s="130" t="s">
        <v>34</v>
      </c>
      <c r="B3" s="131"/>
      <c r="C3" s="132" t="s">
        <v>35</v>
      </c>
      <c r="D3" s="133"/>
      <c r="E3" s="8" t="s">
        <v>36</v>
      </c>
      <c r="F3" s="23"/>
      <c r="G3" s="19"/>
    </row>
    <row r="4" spans="1:12" ht="16.5" customHeight="1" x14ac:dyDescent="0.15">
      <c r="A4" s="8" t="s">
        <v>3</v>
      </c>
      <c r="B4" s="19"/>
      <c r="C4" s="8" t="s">
        <v>3</v>
      </c>
      <c r="D4" s="19"/>
      <c r="E4" s="8"/>
      <c r="F4" s="23"/>
      <c r="G4" s="19"/>
      <c r="I4" t="s">
        <v>5</v>
      </c>
    </row>
    <row r="5" spans="1:12" ht="17.45" customHeight="1" x14ac:dyDescent="0.15">
      <c r="A5" s="10"/>
      <c r="B5" s="11"/>
      <c r="C5" s="10"/>
      <c r="D5" s="11"/>
      <c r="E5" s="10"/>
      <c r="F5" s="4"/>
      <c r="G5" s="11"/>
      <c r="J5" s="4"/>
      <c r="K5" s="4"/>
      <c r="L5" s="4"/>
    </row>
    <row r="6" spans="1:12" ht="10.5" customHeight="1" x14ac:dyDescent="0.15">
      <c r="A6" s="15"/>
      <c r="B6" s="15"/>
      <c r="C6" s="15"/>
      <c r="D6" s="15"/>
      <c r="E6" s="15"/>
      <c r="F6" s="15"/>
      <c r="G6" s="15"/>
      <c r="J6" s="15"/>
      <c r="K6" s="15"/>
      <c r="L6" s="15"/>
    </row>
    <row r="7" spans="1:12" ht="15" customHeight="1" x14ac:dyDescent="0.15">
      <c r="C7" s="17" t="s">
        <v>37</v>
      </c>
    </row>
    <row r="8" spans="1:12" x14ac:dyDescent="0.15">
      <c r="A8" s="5" t="s">
        <v>38</v>
      </c>
      <c r="B8" s="134" t="s">
        <v>39</v>
      </c>
      <c r="C8" s="135"/>
      <c r="D8" s="5" t="s">
        <v>40</v>
      </c>
      <c r="E8" s="134" t="s">
        <v>41</v>
      </c>
      <c r="F8" s="141"/>
      <c r="G8" s="141"/>
      <c r="H8" s="141"/>
      <c r="I8" s="141"/>
      <c r="J8" s="141"/>
      <c r="K8" s="141"/>
      <c r="L8" s="135"/>
    </row>
    <row r="9" spans="1:12" x14ac:dyDescent="0.15">
      <c r="A9" s="6"/>
      <c r="B9" s="8"/>
      <c r="C9" s="19"/>
      <c r="D9" s="22" t="s">
        <v>22</v>
      </c>
      <c r="E9" s="8"/>
      <c r="F9" s="23"/>
      <c r="G9" s="23"/>
      <c r="H9" s="23"/>
      <c r="I9" s="23"/>
      <c r="J9" s="23"/>
      <c r="K9" s="23"/>
      <c r="L9" s="19"/>
    </row>
    <row r="10" spans="1:12" x14ac:dyDescent="0.15">
      <c r="A10" s="18" t="s">
        <v>86</v>
      </c>
      <c r="B10" s="20" t="s">
        <v>90</v>
      </c>
      <c r="C10" s="21"/>
      <c r="D10" s="18"/>
      <c r="E10" s="20"/>
      <c r="F10" s="15"/>
      <c r="G10" s="15"/>
      <c r="H10" s="15"/>
      <c r="I10" s="15"/>
      <c r="J10" s="15"/>
      <c r="K10" s="15"/>
      <c r="L10" s="21"/>
    </row>
    <row r="11" spans="1:12" ht="12.2" customHeight="1" x14ac:dyDescent="0.15">
      <c r="A11" s="18"/>
      <c r="B11" s="20"/>
      <c r="C11" s="21"/>
      <c r="D11" s="18"/>
      <c r="E11" s="20"/>
      <c r="F11" s="15"/>
      <c r="G11" s="15"/>
      <c r="H11" s="15"/>
      <c r="I11" s="15"/>
      <c r="J11" s="15"/>
      <c r="K11" s="15"/>
      <c r="L11" s="21"/>
    </row>
    <row r="12" spans="1:12" ht="12.2" customHeight="1" x14ac:dyDescent="0.15">
      <c r="A12" s="18"/>
      <c r="B12" s="20"/>
      <c r="C12" s="21"/>
      <c r="D12" s="18"/>
      <c r="E12" s="20"/>
      <c r="F12" s="15"/>
      <c r="G12" s="15"/>
      <c r="H12" s="15"/>
      <c r="I12" s="15"/>
      <c r="J12" s="15"/>
      <c r="K12" s="15"/>
      <c r="L12" s="21"/>
    </row>
    <row r="13" spans="1:12" x14ac:dyDescent="0.15">
      <c r="A13" s="18"/>
      <c r="B13" s="20" t="s">
        <v>42</v>
      </c>
      <c r="C13" s="21"/>
      <c r="D13" s="18"/>
      <c r="E13" s="20"/>
      <c r="F13" s="15"/>
      <c r="G13" s="15"/>
      <c r="H13" s="15"/>
      <c r="I13" s="15"/>
      <c r="J13" s="15"/>
      <c r="K13" s="15"/>
      <c r="L13" s="21"/>
    </row>
    <row r="14" spans="1:12" ht="12.2" customHeight="1" x14ac:dyDescent="0.15">
      <c r="A14" s="18"/>
      <c r="B14" s="20"/>
      <c r="C14" s="21"/>
      <c r="D14" s="18"/>
      <c r="E14" s="20"/>
      <c r="F14" s="15"/>
      <c r="G14" s="15"/>
      <c r="H14" s="15"/>
      <c r="I14" s="15"/>
      <c r="J14" s="15"/>
      <c r="K14" s="15"/>
      <c r="L14" s="21"/>
    </row>
    <row r="15" spans="1:12" ht="12.2" customHeight="1" x14ac:dyDescent="0.15">
      <c r="A15" s="18"/>
      <c r="B15" s="20"/>
      <c r="C15" s="21"/>
      <c r="D15" s="18"/>
      <c r="E15" s="20"/>
      <c r="F15" s="15"/>
      <c r="G15" s="15"/>
      <c r="H15" s="15"/>
      <c r="I15" s="15"/>
      <c r="J15" s="15"/>
      <c r="K15" s="15"/>
      <c r="L15" s="21"/>
    </row>
    <row r="16" spans="1:12" ht="13.7" customHeight="1" x14ac:dyDescent="0.15">
      <c r="A16" s="25"/>
      <c r="B16" s="20" t="s">
        <v>43</v>
      </c>
      <c r="C16" s="21"/>
      <c r="D16" s="18"/>
      <c r="E16" s="20"/>
      <c r="F16" s="15"/>
      <c r="G16" s="15"/>
      <c r="H16" s="15"/>
      <c r="I16" s="15"/>
      <c r="J16" s="15"/>
      <c r="K16" s="15"/>
      <c r="L16" s="21"/>
    </row>
    <row r="17" spans="1:12" ht="12.2" customHeight="1" x14ac:dyDescent="0.15">
      <c r="A17" s="25"/>
      <c r="B17" s="20"/>
      <c r="C17" s="21"/>
      <c r="D17" s="18"/>
      <c r="E17" s="20"/>
      <c r="F17" s="15"/>
      <c r="G17" s="15"/>
      <c r="H17" s="15"/>
      <c r="I17" s="15"/>
      <c r="J17" s="15"/>
      <c r="K17" s="15"/>
      <c r="L17" s="21"/>
    </row>
    <row r="18" spans="1:12" ht="12.2" customHeight="1" x14ac:dyDescent="0.15">
      <c r="A18" s="25"/>
      <c r="B18" s="20"/>
      <c r="C18" s="21"/>
      <c r="D18" s="18"/>
      <c r="E18" s="20"/>
      <c r="F18" s="15"/>
      <c r="G18" s="15"/>
      <c r="H18" s="15"/>
      <c r="I18" s="15"/>
      <c r="J18" s="15"/>
      <c r="K18" s="15"/>
      <c r="L18" s="21"/>
    </row>
    <row r="19" spans="1:12" x14ac:dyDescent="0.15">
      <c r="A19" s="18"/>
      <c r="B19" s="20" t="s">
        <v>44</v>
      </c>
      <c r="C19" s="21"/>
      <c r="D19" s="18"/>
      <c r="E19" s="20"/>
      <c r="F19" s="15"/>
      <c r="G19" s="15"/>
      <c r="H19" s="15"/>
      <c r="I19" s="15"/>
      <c r="J19" s="15"/>
      <c r="K19" s="15"/>
      <c r="L19" s="21"/>
    </row>
    <row r="20" spans="1:12" ht="12.2" customHeight="1" x14ac:dyDescent="0.15">
      <c r="A20" s="18"/>
      <c r="B20" s="20"/>
      <c r="C20" s="21"/>
      <c r="D20" s="18"/>
      <c r="E20" s="20"/>
      <c r="F20" s="15"/>
      <c r="G20" s="15"/>
      <c r="H20" s="15"/>
      <c r="I20" s="15"/>
      <c r="J20" s="15"/>
      <c r="K20" s="15"/>
      <c r="L20" s="21"/>
    </row>
    <row r="21" spans="1:12" ht="12.2" customHeight="1" x14ac:dyDescent="0.15">
      <c r="A21" s="18"/>
      <c r="B21" s="20"/>
      <c r="C21" s="21"/>
      <c r="D21" s="18"/>
      <c r="E21" s="20"/>
      <c r="F21" s="15"/>
      <c r="G21" s="15"/>
      <c r="H21" s="15"/>
      <c r="I21" s="15"/>
      <c r="J21" s="15"/>
      <c r="K21" s="15"/>
      <c r="L21" s="21"/>
    </row>
    <row r="22" spans="1:12" x14ac:dyDescent="0.15">
      <c r="A22" s="18"/>
      <c r="B22" s="20" t="s">
        <v>45</v>
      </c>
      <c r="C22" s="21"/>
      <c r="D22" s="18"/>
      <c r="E22" s="20"/>
      <c r="F22" s="15" t="s">
        <v>46</v>
      </c>
      <c r="G22" s="15"/>
      <c r="H22" s="15"/>
      <c r="I22" s="15"/>
      <c r="J22" s="15"/>
      <c r="K22" s="15"/>
      <c r="L22" s="21"/>
    </row>
    <row r="23" spans="1:12" ht="11.25" customHeight="1" x14ac:dyDescent="0.15">
      <c r="A23" s="18"/>
      <c r="B23" s="20"/>
      <c r="C23" s="21"/>
      <c r="D23" s="18"/>
      <c r="E23" s="20"/>
      <c r="F23" s="13" t="s">
        <v>47</v>
      </c>
      <c r="G23" s="13" t="s">
        <v>48</v>
      </c>
      <c r="H23" s="13" t="s">
        <v>49</v>
      </c>
      <c r="I23" s="124" t="s">
        <v>50</v>
      </c>
      <c r="J23" s="124"/>
      <c r="K23" s="13" t="s">
        <v>51</v>
      </c>
      <c r="L23" s="21"/>
    </row>
    <row r="24" spans="1:12" ht="11.25" customHeight="1" x14ac:dyDescent="0.15">
      <c r="A24" s="18"/>
      <c r="B24" s="20"/>
      <c r="C24" s="21"/>
      <c r="D24" s="18"/>
      <c r="E24" s="20"/>
      <c r="F24" s="6"/>
      <c r="G24" s="6"/>
      <c r="H24" s="6"/>
      <c r="I24" s="8"/>
      <c r="J24" s="9" t="s">
        <v>22</v>
      </c>
      <c r="K24" s="12" t="s">
        <v>22</v>
      </c>
      <c r="L24" s="21"/>
    </row>
    <row r="25" spans="1:12" ht="12.2" customHeight="1" x14ac:dyDescent="0.15">
      <c r="A25" s="18"/>
      <c r="B25" s="20" t="s">
        <v>52</v>
      </c>
      <c r="C25" s="21"/>
      <c r="D25" s="18"/>
      <c r="E25" s="15"/>
      <c r="F25" s="7"/>
      <c r="G25" s="7"/>
      <c r="H25" s="7"/>
      <c r="I25" s="10"/>
      <c r="J25" s="11"/>
      <c r="K25" s="7"/>
      <c r="L25" s="21"/>
    </row>
    <row r="26" spans="1:12" ht="12.2" customHeight="1" x14ac:dyDescent="0.15">
      <c r="A26" s="18"/>
      <c r="B26" s="20"/>
      <c r="C26" s="21"/>
      <c r="D26" s="18"/>
      <c r="E26" s="20"/>
      <c r="F26" s="15"/>
      <c r="G26" s="15"/>
      <c r="H26" s="15"/>
      <c r="I26" s="15"/>
      <c r="J26" s="15"/>
      <c r="K26" s="15"/>
      <c r="L26" s="21"/>
    </row>
    <row r="27" spans="1:12" x14ac:dyDescent="0.15">
      <c r="A27" s="18"/>
      <c r="B27" s="20"/>
      <c r="C27" s="21"/>
      <c r="D27" s="18"/>
      <c r="E27" s="20"/>
      <c r="F27" s="15"/>
      <c r="G27" s="15"/>
      <c r="H27" s="15"/>
      <c r="I27" s="15"/>
      <c r="J27" s="15"/>
      <c r="K27" s="15"/>
      <c r="L27" s="21"/>
    </row>
    <row r="28" spans="1:12" ht="12.2" customHeight="1" x14ac:dyDescent="0.15">
      <c r="A28" s="18"/>
      <c r="B28" s="20" t="s">
        <v>53</v>
      </c>
      <c r="C28" s="21"/>
      <c r="D28" s="18"/>
      <c r="E28" s="20"/>
      <c r="F28" s="15"/>
      <c r="G28" s="15"/>
      <c r="H28" s="15"/>
      <c r="I28" s="15"/>
      <c r="J28" s="15"/>
      <c r="K28" s="15"/>
      <c r="L28" s="21"/>
    </row>
    <row r="29" spans="1:12" ht="12.2" customHeight="1" x14ac:dyDescent="0.15">
      <c r="A29" s="18"/>
      <c r="C29" s="21"/>
      <c r="D29" s="18"/>
      <c r="E29" s="20"/>
      <c r="F29" s="15"/>
      <c r="G29" s="15"/>
      <c r="H29" s="15"/>
      <c r="I29" s="15"/>
      <c r="J29" s="15"/>
      <c r="K29" s="15"/>
      <c r="L29" s="21"/>
    </row>
    <row r="30" spans="1:12" x14ac:dyDescent="0.15">
      <c r="A30" s="18"/>
      <c r="B30" s="20"/>
      <c r="C30" s="21"/>
      <c r="D30" s="18"/>
      <c r="E30" s="20"/>
      <c r="F30" s="15"/>
      <c r="G30" s="15"/>
      <c r="H30" s="15"/>
      <c r="I30" s="15"/>
      <c r="J30" s="15"/>
      <c r="K30" s="15"/>
      <c r="L30" s="21"/>
    </row>
    <row r="31" spans="1:12" x14ac:dyDescent="0.15">
      <c r="A31" s="20"/>
      <c r="B31" s="20" t="s">
        <v>95</v>
      </c>
      <c r="C31" s="21"/>
      <c r="D31" s="18"/>
      <c r="E31" s="20"/>
      <c r="F31" s="15"/>
      <c r="G31" s="15"/>
      <c r="H31" s="15"/>
      <c r="I31" s="15"/>
      <c r="J31" s="15"/>
      <c r="K31" s="15"/>
      <c r="L31" s="21"/>
    </row>
    <row r="32" spans="1:12" x14ac:dyDescent="0.15">
      <c r="A32" s="20"/>
      <c r="B32" s="20"/>
      <c r="C32" s="21"/>
      <c r="D32" s="18"/>
      <c r="E32" s="20"/>
      <c r="F32" s="15"/>
      <c r="G32" s="15"/>
      <c r="H32" s="15"/>
      <c r="I32" s="15"/>
      <c r="J32" s="15"/>
      <c r="K32" s="15"/>
      <c r="L32" s="21"/>
    </row>
    <row r="33" spans="1:12" x14ac:dyDescent="0.15">
      <c r="A33" s="18"/>
      <c r="B33" s="20"/>
      <c r="C33" s="21"/>
      <c r="D33" s="18"/>
      <c r="E33" s="20"/>
      <c r="F33" s="15"/>
      <c r="G33" s="15"/>
      <c r="H33" s="15"/>
      <c r="I33" s="15"/>
      <c r="J33" s="15"/>
      <c r="K33" s="15"/>
      <c r="L33" s="21"/>
    </row>
    <row r="34" spans="1:12" x14ac:dyDescent="0.15">
      <c r="A34" s="18"/>
      <c r="B34" s="20" t="s">
        <v>96</v>
      </c>
      <c r="C34" s="21"/>
      <c r="D34" s="18"/>
      <c r="E34" s="20"/>
      <c r="F34" s="15" t="s">
        <v>54</v>
      </c>
      <c r="G34" s="15"/>
      <c r="H34" s="15"/>
      <c r="I34" s="15"/>
      <c r="J34" s="15"/>
      <c r="K34" s="15"/>
      <c r="L34" s="21"/>
    </row>
    <row r="35" spans="1:12" ht="10.5" customHeight="1" x14ac:dyDescent="0.15">
      <c r="A35" s="18"/>
      <c r="B35" s="20"/>
      <c r="C35" s="21"/>
      <c r="D35" s="18"/>
      <c r="E35" s="20"/>
      <c r="F35" s="136" t="s">
        <v>55</v>
      </c>
      <c r="G35" s="136" t="s">
        <v>56</v>
      </c>
      <c r="H35" s="138" t="s">
        <v>57</v>
      </c>
      <c r="I35" s="139"/>
      <c r="J35" s="139"/>
      <c r="K35" s="140"/>
      <c r="L35" s="21"/>
    </row>
    <row r="36" spans="1:12" ht="11.25" customHeight="1" x14ac:dyDescent="0.15">
      <c r="A36" s="18"/>
      <c r="B36" s="20"/>
      <c r="C36" s="21"/>
      <c r="D36" s="18"/>
      <c r="E36" s="20"/>
      <c r="F36" s="137"/>
      <c r="G36" s="137"/>
      <c r="H36" s="138" t="s">
        <v>58</v>
      </c>
      <c r="I36" s="140"/>
      <c r="J36" s="138" t="s">
        <v>59</v>
      </c>
      <c r="K36" s="140"/>
      <c r="L36" s="21"/>
    </row>
    <row r="37" spans="1:12" ht="11.25" customHeight="1" x14ac:dyDescent="0.15">
      <c r="A37" s="18"/>
      <c r="B37" s="20" t="s">
        <v>97</v>
      </c>
      <c r="C37" s="21"/>
      <c r="D37" s="18"/>
      <c r="E37" s="20"/>
      <c r="F37" s="12" t="s">
        <v>60</v>
      </c>
      <c r="G37" s="14" t="s">
        <v>61</v>
      </c>
      <c r="H37" s="8"/>
      <c r="I37" s="9" t="s">
        <v>60</v>
      </c>
      <c r="J37" s="15"/>
      <c r="K37" s="16" t="s">
        <v>22</v>
      </c>
      <c r="L37" s="21"/>
    </row>
    <row r="38" spans="1:12" x14ac:dyDescent="0.15">
      <c r="A38" s="18"/>
      <c r="C38" s="21"/>
      <c r="D38" s="18"/>
      <c r="E38" s="20"/>
      <c r="F38" s="7"/>
      <c r="G38" s="7"/>
      <c r="H38" s="10"/>
      <c r="I38" s="11"/>
      <c r="J38" s="10"/>
      <c r="K38" s="11"/>
      <c r="L38" s="21"/>
    </row>
    <row r="39" spans="1:12" x14ac:dyDescent="0.15">
      <c r="A39" s="18"/>
      <c r="B39" s="10"/>
      <c r="C39" s="11"/>
      <c r="D39" s="7"/>
      <c r="E39" s="20"/>
      <c r="F39" s="15"/>
      <c r="G39" s="15"/>
      <c r="H39" s="15"/>
      <c r="I39" s="15"/>
      <c r="J39" s="15"/>
      <c r="K39" s="15"/>
      <c r="L39" s="21"/>
    </row>
    <row r="40" spans="1:12" x14ac:dyDescent="0.15">
      <c r="A40" s="7"/>
      <c r="B40" s="10" t="s">
        <v>98</v>
      </c>
      <c r="C40" s="11"/>
      <c r="D40" s="7"/>
      <c r="E40" s="10"/>
      <c r="F40" s="4"/>
      <c r="G40" s="4"/>
      <c r="H40" s="4"/>
      <c r="I40" s="4"/>
      <c r="J40" s="4"/>
      <c r="K40" s="4"/>
      <c r="L40" s="11"/>
    </row>
    <row r="41" spans="1:12" x14ac:dyDescent="0.15">
      <c r="A41" s="6" t="s">
        <v>62</v>
      </c>
      <c r="B41" s="8" t="s">
        <v>99</v>
      </c>
      <c r="C41" s="19"/>
      <c r="D41" s="6"/>
      <c r="E41" s="8"/>
      <c r="F41" s="23"/>
      <c r="G41" s="23"/>
      <c r="H41" s="23"/>
      <c r="I41" s="23"/>
      <c r="J41" s="23"/>
      <c r="K41" s="23"/>
      <c r="L41" s="19"/>
    </row>
    <row r="42" spans="1:12" x14ac:dyDescent="0.15">
      <c r="A42" s="18" t="s">
        <v>63</v>
      </c>
      <c r="B42" s="20"/>
      <c r="C42" s="21"/>
      <c r="D42" s="18"/>
      <c r="E42" s="20"/>
      <c r="F42" s="15"/>
      <c r="G42" s="15"/>
      <c r="H42" s="15"/>
      <c r="I42" s="15"/>
      <c r="J42" s="15"/>
      <c r="K42" s="15"/>
      <c r="L42" s="21"/>
    </row>
    <row r="43" spans="1:12" x14ac:dyDescent="0.15">
      <c r="A43" s="18"/>
      <c r="B43" s="20" t="s">
        <v>100</v>
      </c>
      <c r="C43" s="21"/>
      <c r="D43" s="18"/>
      <c r="E43" s="20"/>
      <c r="F43" s="15"/>
      <c r="G43" s="15"/>
      <c r="H43" s="15"/>
      <c r="I43" s="15"/>
      <c r="J43" s="15"/>
      <c r="K43" s="15"/>
      <c r="L43" s="21"/>
    </row>
    <row r="44" spans="1:12" x14ac:dyDescent="0.15">
      <c r="A44" s="18"/>
      <c r="B44" s="10"/>
      <c r="C44" s="11"/>
      <c r="D44" s="7"/>
      <c r="E44" s="20"/>
      <c r="F44" s="15"/>
      <c r="G44" s="15"/>
      <c r="H44" s="15"/>
      <c r="I44" s="15"/>
      <c r="J44" s="15"/>
      <c r="K44" s="15"/>
      <c r="L44" s="21"/>
    </row>
    <row r="45" spans="1:12" x14ac:dyDescent="0.15">
      <c r="A45" s="7"/>
      <c r="B45" s="10" t="s">
        <v>101</v>
      </c>
      <c r="C45" s="11"/>
      <c r="D45" s="7"/>
      <c r="E45" s="10"/>
      <c r="F45" s="4"/>
      <c r="G45" s="4"/>
      <c r="H45" s="4"/>
      <c r="I45" s="4"/>
      <c r="J45" s="4"/>
      <c r="K45" s="4"/>
      <c r="L45" s="11"/>
    </row>
    <row r="46" spans="1:12" x14ac:dyDescent="0.15">
      <c r="A46" s="6" t="s">
        <v>64</v>
      </c>
      <c r="B46" s="8" t="s">
        <v>102</v>
      </c>
      <c r="C46" s="19"/>
      <c r="D46" s="6"/>
      <c r="E46" s="8"/>
      <c r="F46" s="23" t="s">
        <v>65</v>
      </c>
      <c r="G46" s="23"/>
      <c r="H46" s="23"/>
      <c r="I46" s="23"/>
      <c r="J46" s="23"/>
      <c r="K46" s="23"/>
      <c r="L46" s="19"/>
    </row>
    <row r="47" spans="1:12" x14ac:dyDescent="0.15">
      <c r="A47" s="18"/>
      <c r="B47" s="20"/>
      <c r="C47" s="21"/>
      <c r="D47" s="18"/>
      <c r="E47" s="20"/>
      <c r="F47" s="13" t="s">
        <v>47</v>
      </c>
      <c r="G47" s="13" t="s">
        <v>48</v>
      </c>
      <c r="H47" s="13" t="s">
        <v>49</v>
      </c>
      <c r="I47" s="124" t="s">
        <v>50</v>
      </c>
      <c r="J47" s="124"/>
      <c r="K47" s="13" t="s">
        <v>51</v>
      </c>
      <c r="L47" s="21"/>
    </row>
    <row r="48" spans="1:12" x14ac:dyDescent="0.15">
      <c r="A48" s="18"/>
      <c r="B48" s="20" t="s">
        <v>103</v>
      </c>
      <c r="C48" s="21"/>
      <c r="D48" s="18"/>
      <c r="E48" s="20"/>
      <c r="F48" s="6"/>
      <c r="G48" s="6"/>
      <c r="H48" s="6"/>
      <c r="I48" s="8"/>
      <c r="J48" s="9" t="s">
        <v>22</v>
      </c>
      <c r="K48" s="12" t="s">
        <v>22</v>
      </c>
      <c r="L48" s="21"/>
    </row>
    <row r="49" spans="1:12" x14ac:dyDescent="0.15">
      <c r="A49" s="18"/>
      <c r="B49" s="20"/>
      <c r="C49" s="21"/>
      <c r="D49" s="18"/>
      <c r="E49" s="20"/>
      <c r="F49" s="7"/>
      <c r="G49" s="7"/>
      <c r="H49" s="7"/>
      <c r="I49" s="10"/>
      <c r="J49" s="11"/>
      <c r="K49" s="7"/>
      <c r="L49" s="21"/>
    </row>
    <row r="50" spans="1:12" x14ac:dyDescent="0.15">
      <c r="A50" s="18"/>
      <c r="B50" s="20" t="s">
        <v>104</v>
      </c>
      <c r="C50" s="21"/>
      <c r="D50" s="18"/>
      <c r="E50" s="20"/>
      <c r="F50" s="15"/>
      <c r="G50" s="15"/>
      <c r="H50" s="15"/>
      <c r="I50" s="15"/>
      <c r="J50" s="15"/>
      <c r="K50" s="15"/>
      <c r="L50" s="21"/>
    </row>
    <row r="51" spans="1:12" x14ac:dyDescent="0.15">
      <c r="A51" s="18"/>
      <c r="B51" s="10"/>
      <c r="C51" s="11"/>
      <c r="D51" s="7"/>
      <c r="E51" s="20"/>
      <c r="F51" s="15"/>
      <c r="G51" s="15"/>
      <c r="H51" s="15"/>
      <c r="I51" s="15"/>
      <c r="J51" s="15"/>
      <c r="K51" s="15"/>
      <c r="L51" s="21"/>
    </row>
    <row r="52" spans="1:12" x14ac:dyDescent="0.15">
      <c r="A52" s="7"/>
      <c r="B52" s="10" t="s">
        <v>105</v>
      </c>
      <c r="C52" s="11"/>
      <c r="D52" s="7"/>
      <c r="E52" s="10"/>
      <c r="F52" s="4"/>
      <c r="G52" s="4"/>
      <c r="H52" s="4"/>
      <c r="I52" s="4"/>
      <c r="J52" s="4"/>
      <c r="K52" s="4"/>
      <c r="L52" s="11"/>
    </row>
    <row r="53" spans="1:12" x14ac:dyDescent="0.15">
      <c r="A53" s="6" t="s">
        <v>66</v>
      </c>
      <c r="B53" s="8" t="s">
        <v>106</v>
      </c>
      <c r="C53" s="19"/>
      <c r="D53" s="6"/>
      <c r="E53" s="8"/>
      <c r="F53" s="23" t="s">
        <v>67</v>
      </c>
      <c r="G53" s="23"/>
      <c r="H53" s="23"/>
      <c r="I53" s="23"/>
      <c r="J53" s="23"/>
      <c r="K53" s="23"/>
      <c r="L53" s="19"/>
    </row>
    <row r="54" spans="1:12" x14ac:dyDescent="0.15">
      <c r="A54" s="18" t="s">
        <v>68</v>
      </c>
      <c r="B54" s="20"/>
      <c r="C54" s="21"/>
      <c r="D54" s="18"/>
      <c r="E54" s="20"/>
      <c r="F54" s="13" t="s">
        <v>69</v>
      </c>
      <c r="G54" s="13" t="s">
        <v>70</v>
      </c>
      <c r="H54" s="13" t="s">
        <v>71</v>
      </c>
      <c r="I54" s="124" t="s">
        <v>50</v>
      </c>
      <c r="J54" s="124"/>
      <c r="K54" s="13" t="s">
        <v>51</v>
      </c>
      <c r="L54" s="21"/>
    </row>
    <row r="55" spans="1:12" x14ac:dyDescent="0.15">
      <c r="A55" s="18"/>
      <c r="B55" s="20" t="s">
        <v>107</v>
      </c>
      <c r="C55" s="21"/>
      <c r="D55" s="18"/>
      <c r="E55" s="20"/>
      <c r="F55" s="6"/>
      <c r="G55" s="12" t="s">
        <v>61</v>
      </c>
      <c r="H55" s="12" t="s">
        <v>72</v>
      </c>
      <c r="I55" s="8"/>
      <c r="J55" s="9" t="s">
        <v>22</v>
      </c>
      <c r="K55" s="12" t="s">
        <v>22</v>
      </c>
      <c r="L55" s="21"/>
    </row>
    <row r="56" spans="1:12" x14ac:dyDescent="0.15">
      <c r="A56" s="18"/>
      <c r="B56" s="10"/>
      <c r="C56" s="11"/>
      <c r="D56" s="7"/>
      <c r="E56" s="20"/>
      <c r="F56" s="7"/>
      <c r="G56" s="7"/>
      <c r="H56" s="7"/>
      <c r="I56" s="10"/>
      <c r="J56" s="11"/>
      <c r="K56" s="7"/>
      <c r="L56" s="21"/>
    </row>
    <row r="57" spans="1:12" x14ac:dyDescent="0.15">
      <c r="A57" s="18"/>
      <c r="B57" s="20" t="s">
        <v>108</v>
      </c>
      <c r="C57" s="21"/>
      <c r="D57" s="18"/>
      <c r="E57" s="20"/>
      <c r="F57" s="15"/>
      <c r="G57" s="15"/>
      <c r="H57" s="15"/>
      <c r="I57" s="15"/>
      <c r="J57" s="15"/>
      <c r="K57" s="15"/>
      <c r="L57" s="21"/>
    </row>
    <row r="58" spans="1:12" x14ac:dyDescent="0.15">
      <c r="A58" s="125" t="s">
        <v>73</v>
      </c>
      <c r="B58" s="8" t="s">
        <v>109</v>
      </c>
      <c r="C58" s="19"/>
      <c r="D58" s="6"/>
      <c r="E58" s="23"/>
      <c r="F58" s="23"/>
      <c r="G58" s="23"/>
      <c r="H58" s="23"/>
      <c r="I58" s="23"/>
      <c r="J58" s="23"/>
      <c r="K58" s="23"/>
      <c r="L58" s="19"/>
    </row>
    <row r="59" spans="1:12" x14ac:dyDescent="0.15">
      <c r="A59" s="126"/>
      <c r="B59" s="20" t="s">
        <v>110</v>
      </c>
      <c r="C59" s="21"/>
      <c r="D59" s="18"/>
      <c r="E59" s="15"/>
      <c r="F59" s="15"/>
      <c r="G59" s="15"/>
      <c r="H59" s="15"/>
      <c r="I59" s="15"/>
      <c r="J59" s="15"/>
      <c r="K59" s="15"/>
      <c r="L59" s="21"/>
    </row>
    <row r="60" spans="1:12" x14ac:dyDescent="0.15">
      <c r="A60" s="126"/>
      <c r="B60" s="20" t="s">
        <v>111</v>
      </c>
      <c r="C60" s="21"/>
      <c r="D60" s="18"/>
      <c r="E60" s="15"/>
      <c r="F60" s="15"/>
      <c r="G60" s="15"/>
      <c r="H60" s="15"/>
      <c r="I60" s="15"/>
      <c r="J60" s="15"/>
      <c r="K60" s="15"/>
      <c r="L60" s="21"/>
    </row>
    <row r="61" spans="1:12" x14ac:dyDescent="0.15">
      <c r="A61" s="126"/>
      <c r="B61" s="20" t="s">
        <v>112</v>
      </c>
      <c r="C61" s="21"/>
      <c r="D61" s="18"/>
      <c r="E61" s="15"/>
      <c r="F61" s="15"/>
      <c r="G61" s="15"/>
      <c r="H61" s="15"/>
      <c r="I61" s="15"/>
      <c r="J61" s="15"/>
      <c r="K61" s="15"/>
      <c r="L61" s="21"/>
    </row>
    <row r="62" spans="1:12" x14ac:dyDescent="0.15">
      <c r="A62" s="126"/>
      <c r="B62" s="20" t="s">
        <v>113</v>
      </c>
      <c r="C62" s="21"/>
      <c r="D62" s="18"/>
      <c r="E62" s="15"/>
      <c r="F62" s="15"/>
      <c r="G62" s="15"/>
      <c r="H62" s="15"/>
      <c r="I62" s="15"/>
      <c r="J62" s="15"/>
      <c r="K62" s="15"/>
      <c r="L62" s="21"/>
    </row>
    <row r="63" spans="1:12" x14ac:dyDescent="0.15">
      <c r="A63" s="18"/>
      <c r="B63" s="20" t="s">
        <v>114</v>
      </c>
      <c r="C63" s="21"/>
      <c r="D63" s="18"/>
      <c r="E63" s="15"/>
      <c r="F63" s="15"/>
      <c r="G63" s="15"/>
      <c r="H63" s="15"/>
      <c r="I63" s="15"/>
      <c r="J63" s="15"/>
      <c r="K63" s="15"/>
      <c r="L63" s="21"/>
    </row>
    <row r="64" spans="1:12" x14ac:dyDescent="0.15">
      <c r="A64" s="18"/>
      <c r="B64" s="20" t="s">
        <v>115</v>
      </c>
      <c r="C64" s="21"/>
      <c r="D64" s="18"/>
      <c r="E64" s="15"/>
      <c r="F64" s="15"/>
      <c r="G64" s="15"/>
      <c r="H64" s="15"/>
      <c r="I64" s="15"/>
      <c r="J64" s="15"/>
      <c r="K64" s="15"/>
      <c r="L64" s="21"/>
    </row>
    <row r="65" spans="1:12" x14ac:dyDescent="0.15">
      <c r="A65" s="18"/>
      <c r="B65" s="20" t="s">
        <v>116</v>
      </c>
      <c r="C65" s="21"/>
      <c r="D65" s="18"/>
      <c r="E65" s="15"/>
      <c r="F65" s="15"/>
      <c r="G65" s="15"/>
      <c r="H65" s="15"/>
      <c r="I65" s="15"/>
      <c r="J65" s="15"/>
      <c r="K65" s="15"/>
      <c r="L65" s="21"/>
    </row>
    <row r="66" spans="1:12" x14ac:dyDescent="0.15">
      <c r="A66" s="18"/>
      <c r="B66" s="20" t="s">
        <v>117</v>
      </c>
      <c r="C66" s="21"/>
      <c r="D66" s="18"/>
      <c r="E66" s="15"/>
      <c r="F66" s="15"/>
      <c r="G66" s="15"/>
      <c r="H66" s="15"/>
      <c r="I66" s="15"/>
      <c r="J66" s="15"/>
      <c r="K66" s="15"/>
      <c r="L66" s="21"/>
    </row>
    <row r="67" spans="1:12" x14ac:dyDescent="0.15">
      <c r="A67" s="18"/>
      <c r="B67" s="20"/>
      <c r="C67" s="21"/>
      <c r="D67" s="18"/>
      <c r="E67" s="15"/>
      <c r="F67" s="15"/>
      <c r="G67" s="15"/>
      <c r="H67" s="15"/>
      <c r="I67" s="15"/>
      <c r="J67" s="15"/>
      <c r="K67" s="15"/>
      <c r="L67" s="21"/>
    </row>
    <row r="68" spans="1:12" x14ac:dyDescent="0.15">
      <c r="A68" s="18"/>
      <c r="B68" s="20" t="s">
        <v>118</v>
      </c>
      <c r="C68" s="21"/>
      <c r="D68" s="18"/>
      <c r="E68" s="15"/>
      <c r="F68" s="15"/>
      <c r="G68" s="15"/>
      <c r="H68" s="15"/>
      <c r="I68" s="15"/>
      <c r="J68" s="15"/>
      <c r="K68" s="15"/>
      <c r="L68" s="21"/>
    </row>
    <row r="69" spans="1:12" x14ac:dyDescent="0.15">
      <c r="A69" s="18"/>
      <c r="B69" s="20" t="s">
        <v>119</v>
      </c>
      <c r="C69" s="21"/>
      <c r="D69" s="18"/>
      <c r="E69" s="15"/>
      <c r="F69" s="15"/>
      <c r="G69" s="15"/>
      <c r="H69" s="15"/>
      <c r="I69" s="15"/>
      <c r="J69" s="15"/>
      <c r="K69" s="15"/>
      <c r="L69" s="21"/>
    </row>
    <row r="70" spans="1:12" x14ac:dyDescent="0.15">
      <c r="A70" s="18"/>
      <c r="B70" s="20" t="s">
        <v>120</v>
      </c>
      <c r="C70" s="21"/>
      <c r="D70" s="18"/>
      <c r="E70" s="15"/>
      <c r="F70" s="15"/>
      <c r="G70" s="15"/>
      <c r="H70" s="15"/>
      <c r="I70" s="15"/>
      <c r="J70" s="15"/>
      <c r="K70" s="15"/>
      <c r="L70" s="21"/>
    </row>
    <row r="71" spans="1:12" x14ac:dyDescent="0.15">
      <c r="A71" s="18"/>
      <c r="B71" s="20" t="s">
        <v>121</v>
      </c>
      <c r="C71" s="21"/>
      <c r="D71" s="18"/>
      <c r="E71" s="15"/>
      <c r="F71" s="15"/>
      <c r="G71" s="15"/>
      <c r="H71" s="15"/>
      <c r="I71" s="15"/>
      <c r="J71" s="15"/>
      <c r="K71" s="15"/>
      <c r="L71" s="21"/>
    </row>
    <row r="72" spans="1:12" x14ac:dyDescent="0.15">
      <c r="A72" s="18"/>
      <c r="B72" s="20" t="s">
        <v>122</v>
      </c>
      <c r="C72" s="21"/>
      <c r="D72" s="18"/>
      <c r="E72" s="15"/>
      <c r="F72" s="15"/>
      <c r="G72" s="15"/>
      <c r="H72" s="15"/>
      <c r="I72" s="15"/>
      <c r="J72" s="15"/>
      <c r="K72" s="15"/>
      <c r="L72" s="21"/>
    </row>
    <row r="73" spans="1:12" x14ac:dyDescent="0.15">
      <c r="A73" s="18"/>
      <c r="B73" s="20" t="s">
        <v>123</v>
      </c>
      <c r="C73" s="21"/>
      <c r="D73" s="18"/>
      <c r="E73" s="15"/>
      <c r="F73" s="15"/>
      <c r="G73" s="15"/>
      <c r="H73" s="15"/>
      <c r="I73" s="15"/>
      <c r="J73" s="15"/>
      <c r="K73" s="15"/>
      <c r="L73" s="21"/>
    </row>
    <row r="74" spans="1:12" x14ac:dyDescent="0.15">
      <c r="A74" s="18"/>
      <c r="B74" s="20"/>
      <c r="C74" s="21"/>
      <c r="D74" s="18"/>
      <c r="E74" s="15"/>
      <c r="F74" s="15"/>
      <c r="G74" s="15"/>
      <c r="H74" s="15"/>
      <c r="I74" s="15"/>
      <c r="J74" s="15"/>
      <c r="K74" s="15"/>
      <c r="L74" s="21"/>
    </row>
    <row r="75" spans="1:12" x14ac:dyDescent="0.15">
      <c r="A75" s="18"/>
      <c r="B75" s="20" t="s">
        <v>124</v>
      </c>
      <c r="C75" s="21"/>
      <c r="D75" s="18"/>
      <c r="E75" s="15"/>
      <c r="F75" s="15"/>
      <c r="G75" s="15"/>
      <c r="H75" s="15"/>
      <c r="I75" s="15"/>
      <c r="J75" s="15"/>
      <c r="K75" s="15"/>
      <c r="L75" s="21"/>
    </row>
    <row r="76" spans="1:12" x14ac:dyDescent="0.15">
      <c r="A76" s="18"/>
      <c r="B76" s="10"/>
      <c r="C76" s="11"/>
      <c r="D76" s="7"/>
      <c r="E76" s="15"/>
      <c r="F76" s="15"/>
      <c r="G76" s="15"/>
      <c r="H76" s="15"/>
      <c r="I76" s="15"/>
      <c r="J76" s="15"/>
      <c r="K76" s="15"/>
      <c r="L76" s="21"/>
    </row>
    <row r="77" spans="1:12" x14ac:dyDescent="0.15">
      <c r="A77" s="7"/>
      <c r="B77" s="10" t="s">
        <v>125</v>
      </c>
      <c r="C77" s="11"/>
      <c r="D77" s="7"/>
      <c r="E77" s="4"/>
      <c r="F77" s="4"/>
      <c r="G77" s="4"/>
      <c r="H77" s="4"/>
      <c r="I77" s="4"/>
      <c r="J77" s="4"/>
      <c r="K77" s="4"/>
      <c r="L77" s="11"/>
    </row>
    <row r="78" spans="1:12" ht="19.5" customHeight="1" x14ac:dyDescent="0.15">
      <c r="A78" s="127" t="s">
        <v>29</v>
      </c>
      <c r="B78" s="128"/>
      <c r="C78" s="129"/>
      <c r="D78" s="7"/>
      <c r="E78" s="10"/>
      <c r="F78" s="4"/>
      <c r="G78" s="4"/>
      <c r="H78" s="4"/>
      <c r="I78" s="4"/>
      <c r="J78" s="4"/>
      <c r="K78" s="4"/>
      <c r="L78" s="11"/>
    </row>
    <row r="79" spans="1:12" x14ac:dyDescent="0.15">
      <c r="A79" s="24"/>
      <c r="B79" s="24"/>
      <c r="C79" s="24"/>
      <c r="D79" s="15"/>
      <c r="E79" s="15"/>
      <c r="F79" s="15"/>
      <c r="G79" s="15"/>
      <c r="H79" s="15"/>
      <c r="I79" s="15"/>
      <c r="J79" s="15"/>
      <c r="K79" s="15"/>
      <c r="L79" s="15"/>
    </row>
    <row r="80" spans="1:12" ht="18" customHeight="1" x14ac:dyDescent="0.15">
      <c r="A80" s="2" t="s">
        <v>30</v>
      </c>
      <c r="B80" t="s">
        <v>74</v>
      </c>
    </row>
    <row r="81" spans="1:2" ht="18" customHeight="1" x14ac:dyDescent="0.15">
      <c r="A81" s="2"/>
    </row>
    <row r="82" spans="1:2" ht="18" customHeight="1" x14ac:dyDescent="0.15">
      <c r="B82" s="26" t="s">
        <v>91</v>
      </c>
    </row>
    <row r="83" spans="1:2" ht="18" customHeight="1" x14ac:dyDescent="0.15">
      <c r="B83" t="s">
        <v>75</v>
      </c>
    </row>
    <row r="84" spans="1:2" ht="18" customHeight="1" x14ac:dyDescent="0.15"/>
    <row r="85" spans="1:2" ht="18" customHeight="1" x14ac:dyDescent="0.15">
      <c r="B85" t="s">
        <v>126</v>
      </c>
    </row>
    <row r="86" spans="1:2" ht="18" customHeight="1" x14ac:dyDescent="0.15">
      <c r="B86" t="s">
        <v>76</v>
      </c>
    </row>
    <row r="87" spans="1:2" ht="18" customHeight="1" x14ac:dyDescent="0.15"/>
    <row r="88" spans="1:2" ht="18" customHeight="1" x14ac:dyDescent="0.15">
      <c r="B88" t="s">
        <v>81</v>
      </c>
    </row>
    <row r="89" spans="1:2" ht="18" customHeight="1" x14ac:dyDescent="0.15">
      <c r="B89" t="s">
        <v>77</v>
      </c>
    </row>
    <row r="90" spans="1:2" ht="18" customHeight="1" x14ac:dyDescent="0.15"/>
    <row r="91" spans="1:2" ht="18" customHeight="1" x14ac:dyDescent="0.15">
      <c r="B91" t="s">
        <v>127</v>
      </c>
    </row>
    <row r="92" spans="1:2" ht="18" customHeight="1" x14ac:dyDescent="0.15">
      <c r="B92" t="s">
        <v>78</v>
      </c>
    </row>
    <row r="93" spans="1:2" ht="18" customHeight="1" x14ac:dyDescent="0.15"/>
    <row r="94" spans="1:2" ht="18" customHeight="1" x14ac:dyDescent="0.15">
      <c r="B94" t="s">
        <v>128</v>
      </c>
    </row>
    <row r="95" spans="1:2" ht="18" customHeight="1" x14ac:dyDescent="0.15">
      <c r="B95" t="s">
        <v>79</v>
      </c>
    </row>
    <row r="96" spans="1:2" ht="18" customHeight="1" x14ac:dyDescent="0.15"/>
    <row r="97" spans="2:2" ht="18" customHeight="1" x14ac:dyDescent="0.15">
      <c r="B97" t="s">
        <v>82</v>
      </c>
    </row>
    <row r="98" spans="2:2" ht="18" customHeight="1" x14ac:dyDescent="0.15">
      <c r="B98" t="s">
        <v>80</v>
      </c>
    </row>
    <row r="99" spans="2:2" ht="18" customHeight="1" x14ac:dyDescent="0.15">
      <c r="B99" t="s">
        <v>129</v>
      </c>
    </row>
    <row r="100" spans="2:2" ht="18" customHeight="1" x14ac:dyDescent="0.15">
      <c r="B100" t="s">
        <v>130</v>
      </c>
    </row>
    <row r="101" spans="2:2" ht="18" customHeight="1" x14ac:dyDescent="0.15">
      <c r="B101" t="s">
        <v>131</v>
      </c>
    </row>
  </sheetData>
  <mergeCells count="14">
    <mergeCell ref="I47:J47"/>
    <mergeCell ref="I54:J54"/>
    <mergeCell ref="A58:A62"/>
    <mergeCell ref="A78:C78"/>
    <mergeCell ref="A3:B3"/>
    <mergeCell ref="C3:D3"/>
    <mergeCell ref="B8:C8"/>
    <mergeCell ref="I23:J23"/>
    <mergeCell ref="F35:F36"/>
    <mergeCell ref="G35:G36"/>
    <mergeCell ref="H35:K35"/>
    <mergeCell ref="H36:I36"/>
    <mergeCell ref="J36:K36"/>
    <mergeCell ref="E8:L8"/>
  </mergeCells>
  <phoneticPr fontId="2"/>
  <pageMargins left="0.71" right="0" top="0.63" bottom="0.53" header="0.51181102362204722" footer="0.4"/>
  <pageSetup paperSize="9" scale="77" orientation="portrait" horizontalDpi="4294967292" r:id="rId1"/>
  <headerFooter alignWithMargins="0"/>
  <rowBreaks count="1" manualBreakCount="1">
    <brk id="78"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３所要額</vt:lpstr>
      <vt:lpstr>３別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oitapref</cp:lastModifiedBy>
  <dcterms:modified xsi:type="dcterms:W3CDTF">2023-10-16T06:04:30Z</dcterms:modified>
</cp:coreProperties>
</file>